
<file path=[Content_Types].xml><?xml version="1.0" encoding="utf-8"?>
<Types xmlns="http://schemas.openxmlformats.org/package/2006/content-types">
  <Default Extension="jpeg" ContentType="image/jpeg"/>
  <Default Extension="JPG" ContentType="image/.jpg"/>
  <Default Extension="png" ContentType="image/png"/>
  <Default Extension="rels" ContentType="application/vnd.openxmlformats-package.relationships+xml"/>
  <Default Extension="xml" ContentType="application/xml"/>
  <Override PartName="/docProps/app.xml" ContentType="application/vnd.openxmlformats-officedocument.extended-properties+xml"/>
  <Override PartName="/docProps/core.xml" ContentType="application/vnd.openxmlformats-package.core-properties+xml"/>
  <Override PartName="/docProps/custom.xml" ContentType="application/vnd.openxmlformats-officedocument.custom-properties+xml"/>
  <Override PartName="/ppt/commentAuthors.xml" ContentType="application/vnd.openxmlformats-officedocument.presentationml.commentAuthors+xml"/>
  <Override PartName="/ppt/handoutMasters/handoutMaster1.xml" ContentType="application/vnd.openxmlformats-officedocument.presentationml.handoutMaster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10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viewProps.xml" ContentType="application/vnd.openxmlformats-officedocument.presentationml.viewProps+xml"/>
</Types>
</file>

<file path=_rels/.rels><?xml version="1.0" encoding="UTF-8" standalone="yes"?>
<Relationships xmlns="http://schemas.openxmlformats.org/package/2006/relationships"><Relationship Id="rId1" Type="http://schemas.openxmlformats.org/officeDocument/2006/relationships/officeDocument" Target="ppt/presentation.xml"/><Relationship Id="rId4" Type="http://schemas.openxmlformats.org/package/2006/relationships/metadata/thumbnail" Target="docProps/thumbnail.jpeg"/><Relationship Id="rId3" Type="http://schemas.openxmlformats.org/package/2006/relationships/metadata/core-properties" Target="docProps/core.xml"/><Relationship Id="rId2" Type="http://schemas.openxmlformats.org/officeDocument/2006/relationships/extended-properties" Target="docProps/app.xml"/><Relationship Id="rId5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firstSlideNum="0" autoCompressPictures="0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56" r:id="rId3"/>
    <p:sldId id="3664" r:id="rId4"/>
    <p:sldId id="3663" r:id="rId5"/>
    <p:sldId id="3666" r:id="rId6"/>
    <p:sldId id="3665" r:id="rId7"/>
    <p:sldId id="3670" r:id="rId8"/>
    <p:sldId id="3660" r:id="rId9"/>
    <p:sldId id="3659" r:id="rId10"/>
    <p:sldId id="3667" r:id="rId11"/>
    <p:sldId id="258" r:id="rId12"/>
  </p:sldIdLst>
  <p:sldSz cx="12192000" cy="6858000"/>
  <p:notesSz cx="6858000" cy="9144000"/>
  <p:custDataLst>
    <p:tags r:id="rId19"/>
  </p:custDataLst>
  <p:defaultTextStyle>
    <a:defPPr>
      <a:defRPr lang="is-I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0965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165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365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2565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199765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6965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Bergþóra Hlíðkvist Skúladóttir" initials="BHS" lastIdx="1" clrIdx="0"/>
  <p:cmAuthor id="2" name="Hulda Hallgrímsdóttir" initials="HH" lastIdx="4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04040"/>
    <a:srgbClr val="0099FF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度样式 2 - 强调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浅色样式 1 - 强调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CF1AB2-1976-4502-BF36-3FF5EA218861}" styleName="中度样式 4 - 强调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6049" autoAdjust="0"/>
  </p:normalViewPr>
  <p:slideViewPr>
    <p:cSldViewPr snapToGrid="0" snapToObjects="1">
      <p:cViewPr varScale="1">
        <p:scale>
          <a:sx n="72" d="100"/>
          <a:sy n="72" d="100"/>
        </p:scale>
        <p:origin x="618" y="60"/>
      </p:cViewPr>
      <p:guideLst>
        <p:guide orient="horz" pos="1139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50" d="100"/>
        <a:sy n="50" d="100"/>
      </p:scale>
      <p:origin x="0" y="0"/>
    </p:cViewPr>
  </p:sorterViewPr>
  <p:notesViewPr>
    <p:cSldViewPr snapToGrid="0" snapToObjects="1">
      <p:cViewPr varScale="1">
        <p:scale>
          <a:sx n="52" d="100"/>
          <a:sy n="52" d="100"/>
        </p:scale>
        <p:origin x="2680" y="5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9" Type="http://schemas.openxmlformats.org/officeDocument/2006/relationships/slide" Target="slides/slide7.xml"/><Relationship Id="rId8" Type="http://schemas.openxmlformats.org/officeDocument/2006/relationships/slide" Target="slides/slide6.xml"/><Relationship Id="rId7" Type="http://schemas.openxmlformats.org/officeDocument/2006/relationships/slide" Target="slides/slide5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4" Type="http://schemas.openxmlformats.org/officeDocument/2006/relationships/slide" Target="slides/slide2.xml"/><Relationship Id="rId3" Type="http://schemas.openxmlformats.org/officeDocument/2006/relationships/slide" Target="slides/slide1.xml"/><Relationship Id="rId2" Type="http://schemas.openxmlformats.org/officeDocument/2006/relationships/theme" Target="theme/theme1.xml"/><Relationship Id="rId19" Type="http://schemas.openxmlformats.org/officeDocument/2006/relationships/tags" Target="tags/tag4.xml"/><Relationship Id="rId18" Type="http://schemas.openxmlformats.org/officeDocument/2006/relationships/commentAuthors" Target="commentAuthors.xml"/><Relationship Id="rId17" Type="http://schemas.openxmlformats.org/officeDocument/2006/relationships/tableStyles" Target="tableStyles.xml"/><Relationship Id="rId16" Type="http://schemas.openxmlformats.org/officeDocument/2006/relationships/viewProps" Target="viewProps.xml"/><Relationship Id="rId15" Type="http://schemas.openxmlformats.org/officeDocument/2006/relationships/presProps" Target="presProps.xml"/><Relationship Id="rId14" Type="http://schemas.openxmlformats.org/officeDocument/2006/relationships/handoutMaster" Target="handoutMasters/handoutMaster1.xml"/><Relationship Id="rId13" Type="http://schemas.openxmlformats.org/officeDocument/2006/relationships/notesMaster" Target="notesMasters/notesMaster1.xml"/><Relationship Id="rId12" Type="http://schemas.openxmlformats.org/officeDocument/2006/relationships/slide" Target="slides/slide10.xml"/><Relationship Id="rId11" Type="http://schemas.openxmlformats.org/officeDocument/2006/relationships/slide" Target="slides/slide9.xml"/><Relationship Id="rId10" Type="http://schemas.openxmlformats.org/officeDocument/2006/relationships/slide" Target="slides/slide8.xml"/><Relationship Id="rId1" Type="http://schemas.openxmlformats.org/officeDocument/2006/relationships/slideMaster" Target="slideMasters/slide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076CAC2-1B12-8F4B-B4BA-FA79740EF765}" type="datetimeFigureOut">
              <a:rPr lang="en-US" smtClean="0"/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B375B26-3C74-4D49-A779-C7C069CAB825}" type="slidenum">
              <a:rPr lang="en-US" smtClean="0"/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7CB6949-98DC-4FB4-9169-50CD750EBEF8}" type="datetimeFigureOut">
              <a:rPr lang="en-US" smtClean="0"/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  <a:p>
            <a:pPr lvl="3"/>
            <a:r>
              <a:rPr lang="en-US"/>
              <a:t>Fourth level</a:t>
            </a:r>
            <a:endParaRPr lang="en-US"/>
          </a:p>
          <a:p>
            <a:pPr lvl="4"/>
            <a:r>
              <a:rPr lang="en-US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44CCB45-EADE-4059-AAEB-2ACD1C7681FC}" type="slidenum">
              <a:rPr lang="en-US" smtClean="0"/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showMasterSp="0" userDrawn="1">
  <p:cSld name="Össur Cov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2"/>
          <p:cNvSpPr>
            <a:spLocks noGrp="1"/>
          </p:cNvSpPr>
          <p:nvPr>
            <p:ph type="body" sz="quarter" idx="10" hasCustomPrompt="1"/>
          </p:nvPr>
        </p:nvSpPr>
        <p:spPr>
          <a:xfrm>
            <a:off x="666200" y="4868326"/>
            <a:ext cx="3959565" cy="478016"/>
          </a:xfrm>
          <a:prstGeom prst="rect">
            <a:avLst/>
          </a:prstGeom>
        </p:spPr>
        <p:txBody>
          <a:bodyPr vert="horz"/>
          <a:lstStyle>
            <a:lvl1pPr marL="9525" indent="0">
              <a:buNone/>
              <a:defRPr sz="2000" cap="none" baseline="0">
                <a:solidFill>
                  <a:schemeClr val="accent1"/>
                </a:solidFill>
              </a:defRPr>
            </a:lvl1pPr>
            <a:lvl2pPr marL="353695" indent="0">
              <a:buNone/>
              <a:defRPr/>
            </a:lvl2pPr>
            <a:lvl3pPr marL="715645" indent="0">
              <a:buNone/>
              <a:defRPr/>
            </a:lvl3pPr>
            <a:lvl4pPr marL="1080135" indent="0">
              <a:buNone/>
              <a:defRPr/>
            </a:lvl4pPr>
            <a:lvl5pPr marL="1827530" indent="0">
              <a:buNone/>
              <a:defRPr/>
            </a:lvl5pPr>
          </a:lstStyle>
          <a:p>
            <a:pPr lvl="0"/>
            <a:r>
              <a:rPr lang="en-US" dirty="0"/>
              <a:t>Title of presentation</a:t>
            </a:r>
            <a:endParaRPr lang="en-US" dirty="0"/>
          </a:p>
        </p:txBody>
      </p:sp>
      <p:sp>
        <p:nvSpPr>
          <p:cNvPr id="4" name="Text Placeholder 19"/>
          <p:cNvSpPr>
            <a:spLocks noGrp="1"/>
          </p:cNvSpPr>
          <p:nvPr>
            <p:ph type="body" sz="quarter" idx="12" hasCustomPrompt="1"/>
          </p:nvPr>
        </p:nvSpPr>
        <p:spPr>
          <a:xfrm>
            <a:off x="666199" y="5523180"/>
            <a:ext cx="3959566" cy="268738"/>
          </a:xfrm>
          <a:prstGeom prst="rect">
            <a:avLst/>
          </a:prstGeom>
        </p:spPr>
        <p:txBody>
          <a:bodyPr vert="horz"/>
          <a:lstStyle>
            <a:lvl1pPr marL="9525" indent="0">
              <a:buNone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Name of Presenter</a:t>
            </a:r>
            <a:endParaRPr lang="en-US" dirty="0"/>
          </a:p>
        </p:txBody>
      </p:sp>
      <p:sp>
        <p:nvSpPr>
          <p:cNvPr id="5" name="Text Placeholder 19"/>
          <p:cNvSpPr>
            <a:spLocks noGrp="1"/>
          </p:cNvSpPr>
          <p:nvPr>
            <p:ph type="body" sz="quarter" idx="13" hasCustomPrompt="1"/>
          </p:nvPr>
        </p:nvSpPr>
        <p:spPr>
          <a:xfrm>
            <a:off x="666199" y="5968756"/>
            <a:ext cx="3959566" cy="268738"/>
          </a:xfrm>
          <a:prstGeom prst="rect">
            <a:avLst/>
          </a:prstGeom>
        </p:spPr>
        <p:txBody>
          <a:bodyPr vert="horz"/>
          <a:lstStyle>
            <a:lvl1pPr marL="9525" indent="0">
              <a:buNone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Date / Location</a:t>
            </a:r>
            <a:endParaRPr lang="en-US" dirty="0"/>
          </a:p>
        </p:txBody>
      </p:sp>
      <p:pic>
        <p:nvPicPr>
          <p:cNvPr id="3" name="图片 2"/>
          <p:cNvPicPr>
            <a:picLocks noChangeAspect="1"/>
          </p:cNvPicPr>
          <p:nvPr userDrawn="1"/>
        </p:nvPicPr>
        <p:blipFill rotWithShape="1">
          <a:blip r:embed="rId2"/>
          <a:srcRect l="758" b="2621"/>
          <a:stretch>
            <a:fillRect/>
          </a:stretch>
        </p:blipFill>
        <p:spPr>
          <a:xfrm>
            <a:off x="0" y="1511658"/>
            <a:ext cx="10500625" cy="2949506"/>
          </a:xfrm>
          <a:prstGeom prst="rect">
            <a:avLst/>
          </a:prstGeom>
        </p:spPr>
      </p:pic>
      <p:pic>
        <p:nvPicPr>
          <p:cNvPr id="11" name="图片 10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9673088" y="232479"/>
            <a:ext cx="1828800" cy="472724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www.intamsys.com</a:t>
            </a:r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59436" y="496800"/>
            <a:ext cx="8908266" cy="627944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2000" b="0" i="0">
                <a:solidFill>
                  <a:schemeClr val="tx1"/>
                </a:solidFill>
                <a:latin typeface="+mj-lt"/>
                <a:ea typeface="Open Sans" charset="0"/>
                <a:cs typeface="Open Sans" charset="0"/>
              </a:defRPr>
            </a:lvl1pPr>
          </a:lstStyle>
          <a:p>
            <a:r>
              <a:rPr lang="en-US" noProof="0" dirty="0"/>
              <a:t>Click to add title</a:t>
            </a:r>
            <a:endParaRPr lang="en-US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9434" y="1600203"/>
            <a:ext cx="10828507" cy="4525963"/>
          </a:xfrm>
          <a:prstGeom prst="rect">
            <a:avLst/>
          </a:prstGeom>
        </p:spPr>
        <p:txBody>
          <a:bodyPr/>
          <a:lstStyle>
            <a:lvl1pPr>
              <a:buFont typeface="Arial" panose="020B0604020202020204" pitchFamily="34" charset="0"/>
              <a:buChar char="•"/>
              <a:defRPr sz="18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1pPr>
            <a:lvl2pPr marL="544195" indent="-179070">
              <a:buFont typeface="Lucida Grande"/>
              <a:buChar char="-"/>
              <a:defRPr sz="16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2pPr>
            <a:lvl3pPr defTabSz="892810">
              <a:buFont typeface="Arial" panose="020B0604020202020204" pitchFamily="34" charset="0"/>
              <a:buChar char="•"/>
              <a:defRPr sz="14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3pPr>
            <a:lvl4pPr marL="1256665" indent="-175895">
              <a:defRPr sz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4pPr>
            <a:lvl5pPr>
              <a:defRPr sz="1200"/>
            </a:lvl5pPr>
          </a:lstStyle>
          <a:p>
            <a:pPr lvl="0"/>
            <a:r>
              <a:rPr lang="en-US" noProof="0"/>
              <a:t>Click to edit Master text styles</a:t>
            </a:r>
            <a:endParaRPr lang="en-US" noProof="0"/>
          </a:p>
          <a:p>
            <a:pPr lvl="1"/>
            <a:r>
              <a:rPr lang="en-US" noProof="0"/>
              <a:t>Second level</a:t>
            </a:r>
            <a:endParaRPr lang="en-US" noProof="0"/>
          </a:p>
          <a:p>
            <a:pPr lvl="2"/>
            <a:r>
              <a:rPr lang="en-US" noProof="0"/>
              <a:t>Third level</a:t>
            </a:r>
            <a:endParaRPr lang="en-US" noProof="0"/>
          </a:p>
          <a:p>
            <a:pPr lvl="3"/>
            <a:r>
              <a:rPr lang="en-US" noProof="0"/>
              <a:t>Fourth level</a:t>
            </a:r>
            <a:endParaRPr lang="en-US" noProof="0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www.intamsys.com</a:t>
            </a:r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59434" y="1600203"/>
            <a:ext cx="10820195" cy="2179797"/>
          </a:xfrm>
          <a:prstGeom prst="rect">
            <a:avLst/>
          </a:prstGeom>
        </p:spPr>
        <p:txBody>
          <a:bodyPr/>
          <a:lstStyle>
            <a:lvl1pPr>
              <a:buFont typeface="Arial" panose="020B0604020202020204" pitchFamily="34" charset="0"/>
              <a:buChar char="•"/>
              <a:defRPr sz="18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1pPr>
            <a:lvl2pPr marL="544195" indent="-179070">
              <a:buFont typeface="Lucida Grande"/>
              <a:buChar char="-"/>
              <a:defRPr sz="16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2pPr>
            <a:lvl3pPr defTabSz="892810">
              <a:buFont typeface="Arial" panose="020B0604020202020204" pitchFamily="34" charset="0"/>
              <a:buChar char="•"/>
              <a:defRPr sz="14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3pPr>
            <a:lvl4pPr marL="1256665" indent="-175895">
              <a:defRPr sz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4pPr>
            <a:lvl5pPr>
              <a:defRPr sz="1200"/>
            </a:lvl5pPr>
          </a:lstStyle>
          <a:p>
            <a:pPr lvl="0"/>
            <a:r>
              <a:rPr lang="en-US" noProof="0"/>
              <a:t>Click to edit Master text styles</a:t>
            </a:r>
            <a:endParaRPr lang="en-US" noProof="0"/>
          </a:p>
          <a:p>
            <a:pPr lvl="1"/>
            <a:r>
              <a:rPr lang="en-US" noProof="0"/>
              <a:t>Second level</a:t>
            </a:r>
            <a:endParaRPr lang="en-US" noProof="0"/>
          </a:p>
          <a:p>
            <a:pPr lvl="2"/>
            <a:r>
              <a:rPr lang="en-US" noProof="0"/>
              <a:t>Third level</a:t>
            </a:r>
            <a:endParaRPr lang="en-US" noProof="0"/>
          </a:p>
          <a:p>
            <a:pPr lvl="3"/>
            <a:r>
              <a:rPr lang="en-US" noProof="0"/>
              <a:t>Fourth level</a:t>
            </a:r>
            <a:endParaRPr lang="en-US" noProof="0"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759435" y="489600"/>
            <a:ext cx="8578965" cy="561600"/>
          </a:xfrm>
          <a:prstGeom prst="rect">
            <a:avLst/>
          </a:prstGeo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Content Placeholder 2"/>
          <p:cNvSpPr>
            <a:spLocks noGrp="1"/>
          </p:cNvSpPr>
          <p:nvPr>
            <p:ph idx="10"/>
          </p:nvPr>
        </p:nvSpPr>
        <p:spPr>
          <a:xfrm>
            <a:off x="759434" y="3983403"/>
            <a:ext cx="10820195" cy="2179797"/>
          </a:xfrm>
          <a:prstGeom prst="rect">
            <a:avLst/>
          </a:prstGeom>
        </p:spPr>
        <p:txBody>
          <a:bodyPr/>
          <a:lstStyle>
            <a:lvl1pPr>
              <a:buFont typeface="Arial" panose="020B0604020202020204" pitchFamily="34" charset="0"/>
              <a:buChar char="•"/>
              <a:defRPr sz="18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1pPr>
            <a:lvl2pPr marL="544195" indent="-179070">
              <a:buFont typeface="Lucida Grande"/>
              <a:buChar char="-"/>
              <a:defRPr sz="16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2pPr>
            <a:lvl3pPr defTabSz="892810">
              <a:buFont typeface="Arial" panose="020B0604020202020204" pitchFamily="34" charset="0"/>
              <a:buChar char="•"/>
              <a:defRPr sz="14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3pPr>
            <a:lvl4pPr marL="1256665" indent="-175895">
              <a:defRPr sz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4pPr>
            <a:lvl5pPr>
              <a:defRPr sz="1200"/>
            </a:lvl5pPr>
          </a:lstStyle>
          <a:p>
            <a:pPr lvl="0"/>
            <a:r>
              <a:rPr lang="en-US" noProof="0"/>
              <a:t>Click to edit Master text styles</a:t>
            </a:r>
            <a:endParaRPr lang="en-US" noProof="0"/>
          </a:p>
          <a:p>
            <a:pPr lvl="1"/>
            <a:r>
              <a:rPr lang="en-US" noProof="0"/>
              <a:t>Second level</a:t>
            </a:r>
            <a:endParaRPr lang="en-US" noProof="0"/>
          </a:p>
          <a:p>
            <a:pPr lvl="2"/>
            <a:r>
              <a:rPr lang="en-US" noProof="0"/>
              <a:t>Third level</a:t>
            </a:r>
            <a:endParaRPr lang="en-US" noProof="0"/>
          </a:p>
          <a:p>
            <a:pPr lvl="3"/>
            <a:r>
              <a:rPr lang="en-US" noProof="0"/>
              <a:t>Fourth level</a:t>
            </a:r>
            <a:endParaRPr lang="en-US" noProof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6"/>
          <p:cNvSpPr>
            <a:spLocks noGrp="1"/>
          </p:cNvSpPr>
          <p:nvPr>
            <p:ph type="title"/>
          </p:nvPr>
        </p:nvSpPr>
        <p:spPr>
          <a:xfrm>
            <a:off x="759435" y="489600"/>
            <a:ext cx="8578965" cy="561600"/>
          </a:xfrm>
          <a:prstGeom prst="rect">
            <a:avLst/>
          </a:prstGeo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0"/>
          </p:nvPr>
        </p:nvSpPr>
        <p:spPr>
          <a:xfrm>
            <a:off x="759435" y="1396538"/>
            <a:ext cx="5194791" cy="22776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  <a:p>
            <a:pPr lvl="3"/>
            <a:r>
              <a:rPr lang="en-US"/>
              <a:t>Fourth level</a:t>
            </a:r>
            <a:endParaRPr lang="en-US"/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Content Placeholder 7"/>
          <p:cNvSpPr>
            <a:spLocks noGrp="1"/>
          </p:cNvSpPr>
          <p:nvPr>
            <p:ph sz="quarter" idx="11"/>
          </p:nvPr>
        </p:nvSpPr>
        <p:spPr>
          <a:xfrm>
            <a:off x="6387151" y="1396538"/>
            <a:ext cx="5194791" cy="22776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  <a:p>
            <a:pPr lvl="3"/>
            <a:r>
              <a:rPr lang="en-US"/>
              <a:t>Fourth level</a:t>
            </a:r>
            <a:endParaRPr lang="en-US"/>
          </a:p>
          <a:p>
            <a:pPr lvl="4"/>
            <a:r>
              <a:rPr lang="en-US"/>
              <a:t>Fifth level</a:t>
            </a:r>
            <a:endParaRPr lang="en-US"/>
          </a:p>
        </p:txBody>
      </p:sp>
      <p:sp>
        <p:nvSpPr>
          <p:cNvPr id="11" name="Content Placeholder 7"/>
          <p:cNvSpPr>
            <a:spLocks noGrp="1"/>
          </p:cNvSpPr>
          <p:nvPr>
            <p:ph sz="quarter" idx="12"/>
          </p:nvPr>
        </p:nvSpPr>
        <p:spPr>
          <a:xfrm>
            <a:off x="759435" y="3915294"/>
            <a:ext cx="5194791" cy="22776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  <a:p>
            <a:pPr lvl="3"/>
            <a:r>
              <a:rPr lang="en-US"/>
              <a:t>Fourth level</a:t>
            </a:r>
            <a:endParaRPr lang="en-US"/>
          </a:p>
          <a:p>
            <a:pPr lvl="4"/>
            <a:r>
              <a:rPr lang="en-US"/>
              <a:t>Fifth level</a:t>
            </a:r>
            <a:endParaRPr lang="en-US"/>
          </a:p>
        </p:txBody>
      </p:sp>
      <p:sp>
        <p:nvSpPr>
          <p:cNvPr id="12" name="Content Placeholder 7"/>
          <p:cNvSpPr>
            <a:spLocks noGrp="1"/>
          </p:cNvSpPr>
          <p:nvPr>
            <p:ph sz="quarter" idx="13"/>
          </p:nvPr>
        </p:nvSpPr>
        <p:spPr>
          <a:xfrm>
            <a:off x="6387151" y="3915294"/>
            <a:ext cx="5194791" cy="22776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  <a:p>
            <a:pPr lvl="3"/>
            <a:r>
              <a:rPr lang="en-US"/>
              <a:t>Fourth level</a:t>
            </a:r>
            <a:endParaRPr lang="en-US"/>
          </a:p>
          <a:p>
            <a:pPr lvl="4"/>
            <a:r>
              <a:rPr lang="en-US"/>
              <a:t>Fifth level</a:t>
            </a:r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6"/>
          <p:cNvSpPr>
            <a:spLocks noGrp="1"/>
          </p:cNvSpPr>
          <p:nvPr>
            <p:ph type="title"/>
          </p:nvPr>
        </p:nvSpPr>
        <p:spPr>
          <a:xfrm>
            <a:off x="759435" y="489600"/>
            <a:ext cx="8578965" cy="561600"/>
          </a:xfrm>
          <a:prstGeom prst="rect">
            <a:avLst/>
          </a:prstGeo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0"/>
          </p:nvPr>
        </p:nvSpPr>
        <p:spPr>
          <a:xfrm>
            <a:off x="759436" y="1546167"/>
            <a:ext cx="2410691" cy="45553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</p:txBody>
      </p:sp>
      <p:sp>
        <p:nvSpPr>
          <p:cNvPr id="14" name="Content Placeholder 7"/>
          <p:cNvSpPr>
            <a:spLocks noGrp="1"/>
          </p:cNvSpPr>
          <p:nvPr>
            <p:ph sz="quarter" idx="11"/>
          </p:nvPr>
        </p:nvSpPr>
        <p:spPr>
          <a:xfrm>
            <a:off x="3551331" y="1546167"/>
            <a:ext cx="2410691" cy="45553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</p:txBody>
      </p:sp>
      <p:sp>
        <p:nvSpPr>
          <p:cNvPr id="15" name="Content Placeholder 7"/>
          <p:cNvSpPr>
            <a:spLocks noGrp="1"/>
          </p:cNvSpPr>
          <p:nvPr>
            <p:ph sz="quarter" idx="12"/>
          </p:nvPr>
        </p:nvSpPr>
        <p:spPr>
          <a:xfrm>
            <a:off x="6350784" y="1546167"/>
            <a:ext cx="2410691" cy="45553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</p:txBody>
      </p:sp>
      <p:sp>
        <p:nvSpPr>
          <p:cNvPr id="16" name="Content Placeholder 7"/>
          <p:cNvSpPr>
            <a:spLocks noGrp="1"/>
          </p:cNvSpPr>
          <p:nvPr>
            <p:ph sz="quarter" idx="13"/>
          </p:nvPr>
        </p:nvSpPr>
        <p:spPr>
          <a:xfrm>
            <a:off x="9171917" y="1546167"/>
            <a:ext cx="2410691" cy="45553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showMasterSp="0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6"/>
          <p:cNvSpPr>
            <a:spLocks noGrp="1"/>
          </p:cNvSpPr>
          <p:nvPr>
            <p:ph type="title"/>
          </p:nvPr>
        </p:nvSpPr>
        <p:spPr>
          <a:xfrm>
            <a:off x="759435" y="489600"/>
            <a:ext cx="8578965" cy="561600"/>
          </a:xfrm>
          <a:prstGeom prst="rect">
            <a:avLst/>
          </a:prstGeo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7"/>
          <p:cNvSpPr>
            <a:spLocks noGrp="1"/>
          </p:cNvSpPr>
          <p:nvPr>
            <p:ph sz="quarter" idx="10"/>
          </p:nvPr>
        </p:nvSpPr>
        <p:spPr>
          <a:xfrm>
            <a:off x="759436" y="1546167"/>
            <a:ext cx="5202586" cy="45553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</p:txBody>
      </p:sp>
      <p:sp>
        <p:nvSpPr>
          <p:cNvPr id="5" name="Content Placeholder 7"/>
          <p:cNvSpPr>
            <a:spLocks noGrp="1"/>
          </p:cNvSpPr>
          <p:nvPr>
            <p:ph sz="quarter" idx="12"/>
          </p:nvPr>
        </p:nvSpPr>
        <p:spPr>
          <a:xfrm>
            <a:off x="6350784" y="1546167"/>
            <a:ext cx="5231824" cy="45553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6"/>
          <p:cNvSpPr>
            <a:spLocks noGrp="1"/>
          </p:cNvSpPr>
          <p:nvPr>
            <p:ph type="title"/>
          </p:nvPr>
        </p:nvSpPr>
        <p:spPr>
          <a:xfrm>
            <a:off x="4893733" y="489600"/>
            <a:ext cx="4444667" cy="561600"/>
          </a:xfrm>
          <a:prstGeom prst="rect">
            <a:avLst/>
          </a:prstGeo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  <a:endParaRPr lang="en-US" dirty="0"/>
          </a:p>
        </p:txBody>
      </p:sp>
      <p:sp>
        <p:nvSpPr>
          <p:cNvPr id="4" name="Content Placeholder 7"/>
          <p:cNvSpPr>
            <a:spLocks noGrp="1"/>
          </p:cNvSpPr>
          <p:nvPr>
            <p:ph sz="quarter" idx="12"/>
          </p:nvPr>
        </p:nvSpPr>
        <p:spPr>
          <a:xfrm>
            <a:off x="4893733" y="1546167"/>
            <a:ext cx="6688875" cy="455537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en-US"/>
              <a:t>Click to edit Master text styles</a:t>
            </a:r>
            <a:endParaRPr lang="en-US"/>
          </a:p>
          <a:p>
            <a:pPr lvl="1"/>
            <a:r>
              <a:rPr lang="en-US"/>
              <a:t>Second level</a:t>
            </a:r>
            <a:endParaRPr lang="en-US"/>
          </a:p>
          <a:p>
            <a:pPr lvl="2"/>
            <a:r>
              <a:rPr lang="en-US"/>
              <a:t>Third level</a:t>
            </a:r>
            <a:endParaRPr lang="en-US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680000" cy="6858000"/>
          </a:xfrm>
          <a:prstGeom prst="rect">
            <a:avLst/>
          </a:prstGeom>
        </p:spPr>
        <p:txBody>
          <a:bodyPr/>
          <a:lstStyle>
            <a:lvl1pPr marL="9525" indent="0">
              <a:buNone/>
              <a:defRPr/>
            </a:lvl1pPr>
          </a:lstStyle>
          <a:p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Össur Clos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图片 14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-807142" y="-73890"/>
            <a:ext cx="13806284" cy="7947890"/>
          </a:xfrm>
          <a:prstGeom prst="rect">
            <a:avLst/>
          </a:prstGeom>
        </p:spPr>
      </p:pic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9.xml"/><Relationship Id="rId8" Type="http://schemas.openxmlformats.org/officeDocument/2006/relationships/slideLayout" Target="../slideLayouts/slideLayout8.xml"/><Relationship Id="rId7" Type="http://schemas.openxmlformats.org/officeDocument/2006/relationships/slideLayout" Target="../slideLayouts/slideLayout7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2" Type="http://schemas.openxmlformats.org/officeDocument/2006/relationships/theme" Target="../theme/theme1.xml"/><Relationship Id="rId11" Type="http://schemas.openxmlformats.org/officeDocument/2006/relationships/image" Target="../media/image2.jpeg"/><Relationship Id="rId10" Type="http://schemas.openxmlformats.org/officeDocument/2006/relationships/slideLayout" Target="../slideLayouts/slideLayout10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Box 6"/>
          <p:cNvSpPr txBox="1"/>
          <p:nvPr/>
        </p:nvSpPr>
        <p:spPr>
          <a:xfrm>
            <a:off x="331131" y="6655671"/>
            <a:ext cx="516467" cy="9233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fld id="{33F569D2-0AB5-0D41-89EE-4BF6BD553E0C}" type="datetime1">
              <a:rPr lang="en-US" sz="600" smtClean="0">
                <a:solidFill>
                  <a:srgbClr val="808080"/>
                </a:solidFill>
              </a:rPr>
            </a:fld>
            <a:endParaRPr lang="en-US" sz="600" dirty="0">
              <a:solidFill>
                <a:srgbClr val="808080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1204516" y="6619286"/>
            <a:ext cx="444384" cy="184666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r"/>
            <a:fld id="{B0781DE0-D85C-6E43-A3A0-0FC5E108AA2F}" type="slidenum">
              <a:rPr lang="en-US" sz="600" smtClean="0">
                <a:solidFill>
                  <a:schemeClr val="tx2"/>
                </a:solidFill>
              </a:rPr>
            </a:fld>
            <a:endParaRPr lang="en-US" sz="600" dirty="0">
              <a:solidFill>
                <a:schemeClr val="tx2"/>
              </a:solidFill>
            </a:endParaRPr>
          </a:p>
        </p:txBody>
      </p:sp>
      <p:pic>
        <p:nvPicPr>
          <p:cNvPr id="3" name="图片 2"/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9783924" y="532454"/>
            <a:ext cx="1828800" cy="472724"/>
          </a:xfrm>
          <a:prstGeom prst="rect">
            <a:avLst/>
          </a:prstGeom>
        </p:spPr>
      </p:pic>
      <p:sp>
        <p:nvSpPr>
          <p:cNvPr id="5" name="页脚占位符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dirty="0"/>
              <a:t>www.intamsys.com</a:t>
            </a:r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</p:sldLayoutIdLst>
  <p:hf hdr="0"/>
  <p:txStyles>
    <p:titleStyle>
      <a:lvl1pPr algn="l" defTabSz="913765" rtl="0" eaLnBrk="1" latinLnBrk="0" hangingPunct="1">
        <a:spcBef>
          <a:spcPct val="0"/>
        </a:spcBef>
        <a:buNone/>
        <a:defRPr sz="2000" kern="1200" cap="none">
          <a:solidFill>
            <a:srgbClr val="404040"/>
          </a:solidFill>
          <a:latin typeface="Open Sans" charset="0"/>
          <a:ea typeface="Open Sans" charset="0"/>
          <a:cs typeface="Open Sans" charset="0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175895" indent="-166370" algn="l" defTabSz="913765" rtl="0" eaLnBrk="1" latinLnBrk="0" hangingPunct="1">
        <a:spcBef>
          <a:spcPct val="200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Open Sans" charset="0"/>
          <a:cs typeface="Open Sans" charset="0"/>
        </a:defRPr>
      </a:lvl1pPr>
      <a:lvl2pPr marL="544195" indent="-190500" algn="l" defTabSz="913765" rtl="0" eaLnBrk="1" latinLnBrk="0" hangingPunct="1">
        <a:spcBef>
          <a:spcPct val="20000"/>
        </a:spcBef>
        <a:buClr>
          <a:schemeClr val="accent1"/>
        </a:buClr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Open Sans" charset="0"/>
          <a:cs typeface="Open Sans" charset="0"/>
        </a:defRPr>
      </a:lvl2pPr>
      <a:lvl3pPr marL="888365" indent="-172720" algn="l" defTabSz="892810" rtl="0" eaLnBrk="1" latinLnBrk="0" hangingPunct="1">
        <a:spcBef>
          <a:spcPct val="20000"/>
        </a:spcBef>
        <a:buClr>
          <a:schemeClr val="accent1"/>
        </a:buClr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Open Sans" charset="0"/>
          <a:cs typeface="Open Sans" charset="0"/>
        </a:defRPr>
      </a:lvl3pPr>
      <a:lvl4pPr marL="1256665" indent="-175895" algn="l" defTabSz="913765" rtl="0" eaLnBrk="1" latinLnBrk="0" hangingPunct="1">
        <a:spcBef>
          <a:spcPct val="20000"/>
        </a:spcBef>
        <a:buClr>
          <a:schemeClr val="accent1"/>
        </a:buClr>
        <a:buFont typeface="Arial" panose="020B0604020202020204" pitchFamily="34" charset="0"/>
        <a:buChar char="–"/>
        <a:defRPr sz="1200" kern="1200">
          <a:solidFill>
            <a:schemeClr val="tx1"/>
          </a:solidFill>
          <a:latin typeface="+mn-lt"/>
          <a:ea typeface="Open Sans" charset="0"/>
          <a:cs typeface="Open Sans" charset="0"/>
        </a:defRPr>
      </a:lvl4pPr>
      <a:lvl5pPr marL="2056130" indent="-228600" algn="l" defTabSz="913765" rtl="0" eaLnBrk="1" latinLnBrk="0" hangingPunct="1">
        <a:spcBef>
          <a:spcPct val="20000"/>
        </a:spcBef>
        <a:buClr>
          <a:schemeClr val="accent3"/>
        </a:buClr>
        <a:buFont typeface="Arial" panose="020B0604020202020204" pitchFamily="34" charset="0"/>
        <a:buChar char="»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2695" indent="-228600" algn="l" defTabSz="913765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69895" indent="-228600" algn="l" defTabSz="913765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6460" indent="-228600" algn="l" defTabSz="913765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3025" indent="-228600" algn="l" defTabSz="913765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is-IS"/>
      </a:defPPr>
      <a:lvl1pPr marL="0" algn="l" defTabSz="91376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6565" algn="l" defTabSz="91376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3765" algn="l" defTabSz="91376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0330" algn="l" defTabSz="91376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7530" algn="l" defTabSz="91376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4095" algn="l" defTabSz="91376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1295" algn="l" defTabSz="91376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7860" algn="l" defTabSz="91376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5060" algn="l" defTabSz="913765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9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0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image" Target="../media/image4.jpeg"/></Relationships>
</file>

<file path=ppt/slides/_rels/slide4.xml.rels><?xml version="1.0" encoding="UTF-8" standalone="yes"?>
<Relationships xmlns="http://schemas.openxmlformats.org/package/2006/relationships"><Relationship Id="rId6" Type="http://schemas.openxmlformats.org/officeDocument/2006/relationships/slideLayout" Target="../slideLayouts/slideLayout2.xml"/><Relationship Id="rId5" Type="http://schemas.openxmlformats.org/officeDocument/2006/relationships/image" Target="../media/image9.png"/><Relationship Id="rId4" Type="http://schemas.openxmlformats.org/officeDocument/2006/relationships/image" Target="../media/image8.png"/><Relationship Id="rId3" Type="http://schemas.openxmlformats.org/officeDocument/2006/relationships/image" Target="../media/image7.jpeg"/><Relationship Id="rId2" Type="http://schemas.openxmlformats.org/officeDocument/2006/relationships/image" Target="../media/image6.png"/><Relationship Id="rId1" Type="http://schemas.openxmlformats.org/officeDocument/2006/relationships/image" Target="../media/image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image" Target="../media/image11.png"/><Relationship Id="rId1" Type="http://schemas.openxmlformats.org/officeDocument/2006/relationships/image" Target="../media/image10.png"/></Relationships>
</file>

<file path=ppt/slides/_rels/slide6.xml.rels><?xml version="1.0" encoding="UTF-8" standalone="yes"?>
<Relationships xmlns="http://schemas.openxmlformats.org/package/2006/relationships"><Relationship Id="rId9" Type="http://schemas.openxmlformats.org/officeDocument/2006/relationships/image" Target="../media/image20.png"/><Relationship Id="rId8" Type="http://schemas.openxmlformats.org/officeDocument/2006/relationships/image" Target="../media/image19.png"/><Relationship Id="rId7" Type="http://schemas.openxmlformats.org/officeDocument/2006/relationships/image" Target="../media/image18.png"/><Relationship Id="rId6" Type="http://schemas.openxmlformats.org/officeDocument/2006/relationships/image" Target="../media/image17.png"/><Relationship Id="rId5" Type="http://schemas.openxmlformats.org/officeDocument/2006/relationships/image" Target="../media/image16.png"/><Relationship Id="rId4" Type="http://schemas.openxmlformats.org/officeDocument/2006/relationships/image" Target="../media/image15.jpeg"/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0" Type="http://schemas.openxmlformats.org/officeDocument/2006/relationships/slideLayout" Target="../slideLayouts/slideLayout2.xml"/><Relationship Id="rId1" Type="http://schemas.openxmlformats.org/officeDocument/2006/relationships/image" Target="../media/image12.jpe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/>
          <p:cNvSpPr>
            <a:spLocks noGrp="1"/>
          </p:cNvSpPr>
          <p:nvPr>
            <p:ph type="body" sz="quarter" idx="10"/>
          </p:nvPr>
        </p:nvSpPr>
        <p:spPr>
          <a:xfrm>
            <a:off x="666200" y="4868326"/>
            <a:ext cx="6174438" cy="478016"/>
          </a:xfrm>
        </p:spPr>
        <p:txBody>
          <a:bodyPr/>
          <a:lstStyle/>
          <a:p>
            <a:r>
              <a:rPr lang="en-US" dirty="0"/>
              <a:t>FUNMAT PRO 610 HT Site Preparation Guid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 altLang="zh-CN" dirty="0"/>
              <a:t>INTAMSYS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/>
              <a:t>2022</a:t>
            </a:r>
            <a:r>
              <a:rPr lang="en-US" altLang="zh-CN"/>
              <a:t>-</a:t>
            </a:r>
            <a:r>
              <a:rPr lang="en-US"/>
              <a:t>06</a:t>
            </a:r>
            <a:endParaRPr lang="en-US" dirty="0"/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îśļîḑè"/>
          <p:cNvSpPr/>
          <p:nvPr/>
        </p:nvSpPr>
        <p:spPr bwMode="auto">
          <a:xfrm>
            <a:off x="5137758" y="2806949"/>
            <a:ext cx="6507156" cy="3174005"/>
          </a:xfrm>
          <a:custGeom>
            <a:avLst/>
            <a:gdLst>
              <a:gd name="T0" fmla="*/ 1193 w 3611"/>
              <a:gd name="T1" fmla="*/ 65 h 1760"/>
              <a:gd name="T2" fmla="*/ 1206 w 3611"/>
              <a:gd name="T3" fmla="*/ 92 h 1760"/>
              <a:gd name="T4" fmla="*/ 1114 w 3611"/>
              <a:gd name="T5" fmla="*/ 118 h 1760"/>
              <a:gd name="T6" fmla="*/ 878 w 3611"/>
              <a:gd name="T7" fmla="*/ 183 h 1760"/>
              <a:gd name="T8" fmla="*/ 444 w 3611"/>
              <a:gd name="T9" fmla="*/ 223 h 1760"/>
              <a:gd name="T10" fmla="*/ 2612 w 3611"/>
              <a:gd name="T11" fmla="*/ 223 h 1760"/>
              <a:gd name="T12" fmla="*/ 1363 w 3611"/>
              <a:gd name="T13" fmla="*/ 249 h 1760"/>
              <a:gd name="T14" fmla="*/ 2928 w 3611"/>
              <a:gd name="T15" fmla="*/ 236 h 1760"/>
              <a:gd name="T16" fmla="*/ 431 w 3611"/>
              <a:gd name="T17" fmla="*/ 289 h 1760"/>
              <a:gd name="T18" fmla="*/ 1981 w 3611"/>
              <a:gd name="T19" fmla="*/ 301 h 1760"/>
              <a:gd name="T20" fmla="*/ 3125 w 3611"/>
              <a:gd name="T21" fmla="*/ 301 h 1760"/>
              <a:gd name="T22" fmla="*/ 496 w 3611"/>
              <a:gd name="T23" fmla="*/ 328 h 1760"/>
              <a:gd name="T24" fmla="*/ 1981 w 3611"/>
              <a:gd name="T25" fmla="*/ 315 h 1760"/>
              <a:gd name="T26" fmla="*/ 2836 w 3611"/>
              <a:gd name="T27" fmla="*/ 328 h 1760"/>
              <a:gd name="T28" fmla="*/ 128 w 3611"/>
              <a:gd name="T29" fmla="*/ 380 h 1760"/>
              <a:gd name="T30" fmla="*/ 1232 w 3611"/>
              <a:gd name="T31" fmla="*/ 380 h 1760"/>
              <a:gd name="T32" fmla="*/ 2546 w 3611"/>
              <a:gd name="T33" fmla="*/ 367 h 1760"/>
              <a:gd name="T34" fmla="*/ 3361 w 3611"/>
              <a:gd name="T35" fmla="*/ 355 h 1760"/>
              <a:gd name="T36" fmla="*/ 707 w 3611"/>
              <a:gd name="T37" fmla="*/ 407 h 1760"/>
              <a:gd name="T38" fmla="*/ 2494 w 3611"/>
              <a:gd name="T39" fmla="*/ 420 h 1760"/>
              <a:gd name="T40" fmla="*/ 3401 w 3611"/>
              <a:gd name="T41" fmla="*/ 420 h 1760"/>
              <a:gd name="T42" fmla="*/ 1955 w 3611"/>
              <a:gd name="T43" fmla="*/ 446 h 1760"/>
              <a:gd name="T44" fmla="*/ 2770 w 3611"/>
              <a:gd name="T45" fmla="*/ 434 h 1760"/>
              <a:gd name="T46" fmla="*/ 628 w 3611"/>
              <a:gd name="T47" fmla="*/ 486 h 1760"/>
              <a:gd name="T48" fmla="*/ 2336 w 3611"/>
              <a:gd name="T49" fmla="*/ 499 h 1760"/>
              <a:gd name="T50" fmla="*/ 404 w 3611"/>
              <a:gd name="T51" fmla="*/ 512 h 1760"/>
              <a:gd name="T52" fmla="*/ 1876 w 3611"/>
              <a:gd name="T53" fmla="*/ 525 h 1760"/>
              <a:gd name="T54" fmla="*/ 2691 w 3611"/>
              <a:gd name="T55" fmla="*/ 512 h 1760"/>
              <a:gd name="T56" fmla="*/ 786 w 3611"/>
              <a:gd name="T57" fmla="*/ 565 h 1760"/>
              <a:gd name="T58" fmla="*/ 2218 w 3611"/>
              <a:gd name="T59" fmla="*/ 577 h 1760"/>
              <a:gd name="T60" fmla="*/ 3085 w 3611"/>
              <a:gd name="T61" fmla="*/ 577 h 1760"/>
              <a:gd name="T62" fmla="*/ 1758 w 3611"/>
              <a:gd name="T63" fmla="*/ 604 h 1760"/>
              <a:gd name="T64" fmla="*/ 2573 w 3611"/>
              <a:gd name="T65" fmla="*/ 591 h 1760"/>
              <a:gd name="T66" fmla="*/ 707 w 3611"/>
              <a:gd name="T67" fmla="*/ 643 h 1760"/>
              <a:gd name="T68" fmla="*/ 2376 w 3611"/>
              <a:gd name="T69" fmla="*/ 656 h 1760"/>
              <a:gd name="T70" fmla="*/ 602 w 3611"/>
              <a:gd name="T71" fmla="*/ 696 h 1760"/>
              <a:gd name="T72" fmla="*/ 2270 w 3611"/>
              <a:gd name="T73" fmla="*/ 683 h 1760"/>
              <a:gd name="T74" fmla="*/ 523 w 3611"/>
              <a:gd name="T75" fmla="*/ 710 h 1760"/>
              <a:gd name="T76" fmla="*/ 2284 w 3611"/>
              <a:gd name="T77" fmla="*/ 722 h 1760"/>
              <a:gd name="T78" fmla="*/ 602 w 3611"/>
              <a:gd name="T79" fmla="*/ 774 h 1760"/>
              <a:gd name="T80" fmla="*/ 2415 w 3611"/>
              <a:gd name="T81" fmla="*/ 774 h 1760"/>
              <a:gd name="T82" fmla="*/ 772 w 3611"/>
              <a:gd name="T83" fmla="*/ 801 h 1760"/>
              <a:gd name="T84" fmla="*/ 2415 w 3611"/>
              <a:gd name="T85" fmla="*/ 788 h 1760"/>
              <a:gd name="T86" fmla="*/ 1693 w 3611"/>
              <a:gd name="T87" fmla="*/ 841 h 1760"/>
              <a:gd name="T88" fmla="*/ 2573 w 3611"/>
              <a:gd name="T89" fmla="*/ 853 h 1760"/>
              <a:gd name="T90" fmla="*/ 1981 w 3611"/>
              <a:gd name="T91" fmla="*/ 893 h 1760"/>
              <a:gd name="T92" fmla="*/ 628 w 3611"/>
              <a:gd name="T93" fmla="*/ 919 h 1760"/>
              <a:gd name="T94" fmla="*/ 2218 w 3611"/>
              <a:gd name="T95" fmla="*/ 907 h 1760"/>
              <a:gd name="T96" fmla="*/ 1876 w 3611"/>
              <a:gd name="T97" fmla="*/ 959 h 1760"/>
              <a:gd name="T98" fmla="*/ 1745 w 3611"/>
              <a:gd name="T99" fmla="*/ 1011 h 1760"/>
              <a:gd name="T100" fmla="*/ 1627 w 3611"/>
              <a:gd name="T101" fmla="*/ 1025 h 1760"/>
              <a:gd name="T102" fmla="*/ 1127 w 3611"/>
              <a:gd name="T103" fmla="*/ 1077 h 1760"/>
              <a:gd name="T104" fmla="*/ 1075 w 3611"/>
              <a:gd name="T105" fmla="*/ 1104 h 1760"/>
              <a:gd name="T106" fmla="*/ 1023 w 3611"/>
              <a:gd name="T107" fmla="*/ 1156 h 1760"/>
              <a:gd name="T108" fmla="*/ 917 w 3611"/>
              <a:gd name="T109" fmla="*/ 1183 h 1760"/>
              <a:gd name="T110" fmla="*/ 956 w 3611"/>
              <a:gd name="T111" fmla="*/ 1222 h 1760"/>
              <a:gd name="T112" fmla="*/ 1101 w 3611"/>
              <a:gd name="T113" fmla="*/ 1274 h 1760"/>
              <a:gd name="T114" fmla="*/ 1272 w 3611"/>
              <a:gd name="T115" fmla="*/ 1326 h 1760"/>
              <a:gd name="T116" fmla="*/ 1245 w 3611"/>
              <a:gd name="T117" fmla="*/ 1353 h 1760"/>
              <a:gd name="T118" fmla="*/ 1114 w 3611"/>
              <a:gd name="T119" fmla="*/ 1405 h 1760"/>
              <a:gd name="T120" fmla="*/ 1154 w 3611"/>
              <a:gd name="T121" fmla="*/ 1445 h 1760"/>
              <a:gd name="T122" fmla="*/ 1929 w 3611"/>
              <a:gd name="T123" fmla="*/ 1471 h 1760"/>
              <a:gd name="T124" fmla="*/ 948 w 3611"/>
              <a:gd name="T125" fmla="*/ 1590 h 176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3611" h="1760">
                <a:moveTo>
                  <a:pt x="825" y="13"/>
                </a:moveTo>
                <a:cubicBezTo>
                  <a:pt x="825" y="6"/>
                  <a:pt x="831" y="0"/>
                  <a:pt x="838" y="0"/>
                </a:cubicBezTo>
                <a:cubicBezTo>
                  <a:pt x="845" y="0"/>
                  <a:pt x="851" y="6"/>
                  <a:pt x="851" y="13"/>
                </a:cubicBezTo>
                <a:cubicBezTo>
                  <a:pt x="851" y="20"/>
                  <a:pt x="845" y="25"/>
                  <a:pt x="838" y="25"/>
                </a:cubicBezTo>
                <a:cubicBezTo>
                  <a:pt x="831" y="25"/>
                  <a:pt x="825" y="20"/>
                  <a:pt x="825" y="13"/>
                </a:cubicBezTo>
                <a:close/>
                <a:moveTo>
                  <a:pt x="878" y="25"/>
                </a:moveTo>
                <a:cubicBezTo>
                  <a:pt x="885" y="25"/>
                  <a:pt x="890" y="20"/>
                  <a:pt x="890" y="13"/>
                </a:cubicBezTo>
                <a:cubicBezTo>
                  <a:pt x="890" y="6"/>
                  <a:pt x="885" y="0"/>
                  <a:pt x="878" y="0"/>
                </a:cubicBezTo>
                <a:cubicBezTo>
                  <a:pt x="870" y="0"/>
                  <a:pt x="865" y="6"/>
                  <a:pt x="865" y="13"/>
                </a:cubicBezTo>
                <a:cubicBezTo>
                  <a:pt x="865" y="20"/>
                  <a:pt x="870" y="25"/>
                  <a:pt x="878" y="25"/>
                </a:cubicBezTo>
                <a:close/>
                <a:moveTo>
                  <a:pt x="917" y="25"/>
                </a:moveTo>
                <a:cubicBezTo>
                  <a:pt x="924" y="25"/>
                  <a:pt x="930" y="20"/>
                  <a:pt x="930" y="13"/>
                </a:cubicBezTo>
                <a:cubicBezTo>
                  <a:pt x="930" y="6"/>
                  <a:pt x="924" y="0"/>
                  <a:pt x="917" y="0"/>
                </a:cubicBezTo>
                <a:cubicBezTo>
                  <a:pt x="910" y="0"/>
                  <a:pt x="904" y="6"/>
                  <a:pt x="904" y="13"/>
                </a:cubicBezTo>
                <a:cubicBezTo>
                  <a:pt x="904" y="20"/>
                  <a:pt x="910" y="25"/>
                  <a:pt x="917" y="25"/>
                </a:cubicBezTo>
                <a:close/>
                <a:moveTo>
                  <a:pt x="956" y="25"/>
                </a:moveTo>
                <a:cubicBezTo>
                  <a:pt x="963" y="25"/>
                  <a:pt x="969" y="20"/>
                  <a:pt x="969" y="13"/>
                </a:cubicBezTo>
                <a:cubicBezTo>
                  <a:pt x="969" y="6"/>
                  <a:pt x="963" y="0"/>
                  <a:pt x="956" y="0"/>
                </a:cubicBezTo>
                <a:cubicBezTo>
                  <a:pt x="949" y="0"/>
                  <a:pt x="944" y="6"/>
                  <a:pt x="944" y="13"/>
                </a:cubicBezTo>
                <a:cubicBezTo>
                  <a:pt x="944" y="20"/>
                  <a:pt x="949" y="25"/>
                  <a:pt x="956" y="25"/>
                </a:cubicBezTo>
                <a:close/>
                <a:moveTo>
                  <a:pt x="996" y="25"/>
                </a:moveTo>
                <a:cubicBezTo>
                  <a:pt x="1003" y="25"/>
                  <a:pt x="1009" y="20"/>
                  <a:pt x="1009" y="13"/>
                </a:cubicBezTo>
                <a:cubicBezTo>
                  <a:pt x="1009" y="6"/>
                  <a:pt x="1003" y="0"/>
                  <a:pt x="996" y="0"/>
                </a:cubicBezTo>
                <a:cubicBezTo>
                  <a:pt x="989" y="0"/>
                  <a:pt x="983" y="6"/>
                  <a:pt x="983" y="13"/>
                </a:cubicBezTo>
                <a:cubicBezTo>
                  <a:pt x="983" y="20"/>
                  <a:pt x="989" y="25"/>
                  <a:pt x="996" y="25"/>
                </a:cubicBezTo>
                <a:close/>
                <a:moveTo>
                  <a:pt x="1035" y="25"/>
                </a:moveTo>
                <a:cubicBezTo>
                  <a:pt x="1042" y="25"/>
                  <a:pt x="1048" y="20"/>
                  <a:pt x="1048" y="13"/>
                </a:cubicBezTo>
                <a:cubicBezTo>
                  <a:pt x="1048" y="6"/>
                  <a:pt x="1042" y="0"/>
                  <a:pt x="1035" y="0"/>
                </a:cubicBezTo>
                <a:cubicBezTo>
                  <a:pt x="1028" y="0"/>
                  <a:pt x="1022" y="6"/>
                  <a:pt x="1022" y="13"/>
                </a:cubicBezTo>
                <a:cubicBezTo>
                  <a:pt x="1022" y="20"/>
                  <a:pt x="1028" y="25"/>
                  <a:pt x="1035" y="25"/>
                </a:cubicBezTo>
                <a:close/>
                <a:moveTo>
                  <a:pt x="1114" y="25"/>
                </a:moveTo>
                <a:cubicBezTo>
                  <a:pt x="1121" y="25"/>
                  <a:pt x="1127" y="20"/>
                  <a:pt x="1127" y="13"/>
                </a:cubicBezTo>
                <a:cubicBezTo>
                  <a:pt x="1127" y="6"/>
                  <a:pt x="1121" y="0"/>
                  <a:pt x="1114" y="0"/>
                </a:cubicBezTo>
                <a:cubicBezTo>
                  <a:pt x="1107" y="0"/>
                  <a:pt x="1101" y="6"/>
                  <a:pt x="1101" y="13"/>
                </a:cubicBezTo>
                <a:cubicBezTo>
                  <a:pt x="1101" y="20"/>
                  <a:pt x="1107" y="25"/>
                  <a:pt x="1114" y="25"/>
                </a:cubicBezTo>
                <a:close/>
                <a:moveTo>
                  <a:pt x="1193" y="25"/>
                </a:moveTo>
                <a:cubicBezTo>
                  <a:pt x="1200" y="25"/>
                  <a:pt x="1206" y="20"/>
                  <a:pt x="1206" y="13"/>
                </a:cubicBezTo>
                <a:cubicBezTo>
                  <a:pt x="1206" y="6"/>
                  <a:pt x="1200" y="0"/>
                  <a:pt x="1193" y="0"/>
                </a:cubicBezTo>
                <a:cubicBezTo>
                  <a:pt x="1186" y="0"/>
                  <a:pt x="1180" y="6"/>
                  <a:pt x="1180" y="13"/>
                </a:cubicBezTo>
                <a:cubicBezTo>
                  <a:pt x="1180" y="20"/>
                  <a:pt x="1186" y="25"/>
                  <a:pt x="1193" y="25"/>
                </a:cubicBezTo>
                <a:close/>
                <a:moveTo>
                  <a:pt x="1272" y="25"/>
                </a:moveTo>
                <a:cubicBezTo>
                  <a:pt x="1279" y="25"/>
                  <a:pt x="1285" y="20"/>
                  <a:pt x="1285" y="13"/>
                </a:cubicBezTo>
                <a:cubicBezTo>
                  <a:pt x="1285" y="6"/>
                  <a:pt x="1279" y="0"/>
                  <a:pt x="1272" y="0"/>
                </a:cubicBezTo>
                <a:cubicBezTo>
                  <a:pt x="1265" y="0"/>
                  <a:pt x="1259" y="6"/>
                  <a:pt x="1259" y="13"/>
                </a:cubicBezTo>
                <a:cubicBezTo>
                  <a:pt x="1259" y="20"/>
                  <a:pt x="1265" y="25"/>
                  <a:pt x="1272" y="25"/>
                </a:cubicBezTo>
                <a:close/>
                <a:moveTo>
                  <a:pt x="1311" y="25"/>
                </a:moveTo>
                <a:cubicBezTo>
                  <a:pt x="1318" y="25"/>
                  <a:pt x="1324" y="20"/>
                  <a:pt x="1324" y="13"/>
                </a:cubicBezTo>
                <a:cubicBezTo>
                  <a:pt x="1324" y="6"/>
                  <a:pt x="1318" y="0"/>
                  <a:pt x="1311" y="0"/>
                </a:cubicBezTo>
                <a:cubicBezTo>
                  <a:pt x="1304" y="0"/>
                  <a:pt x="1298" y="6"/>
                  <a:pt x="1298" y="13"/>
                </a:cubicBezTo>
                <a:cubicBezTo>
                  <a:pt x="1298" y="20"/>
                  <a:pt x="1304" y="25"/>
                  <a:pt x="1311" y="25"/>
                </a:cubicBezTo>
                <a:close/>
                <a:moveTo>
                  <a:pt x="1351" y="25"/>
                </a:moveTo>
                <a:cubicBezTo>
                  <a:pt x="1358" y="25"/>
                  <a:pt x="1363" y="20"/>
                  <a:pt x="1363" y="13"/>
                </a:cubicBezTo>
                <a:cubicBezTo>
                  <a:pt x="1363" y="6"/>
                  <a:pt x="1358" y="0"/>
                  <a:pt x="1351" y="0"/>
                </a:cubicBezTo>
                <a:cubicBezTo>
                  <a:pt x="1344" y="0"/>
                  <a:pt x="1338" y="6"/>
                  <a:pt x="1338" y="13"/>
                </a:cubicBezTo>
                <a:cubicBezTo>
                  <a:pt x="1338" y="20"/>
                  <a:pt x="1344" y="25"/>
                  <a:pt x="1351" y="25"/>
                </a:cubicBezTo>
                <a:close/>
                <a:moveTo>
                  <a:pt x="1390" y="25"/>
                </a:moveTo>
                <a:cubicBezTo>
                  <a:pt x="1397" y="25"/>
                  <a:pt x="1403" y="20"/>
                  <a:pt x="1403" y="13"/>
                </a:cubicBezTo>
                <a:cubicBezTo>
                  <a:pt x="1403" y="6"/>
                  <a:pt x="1397" y="0"/>
                  <a:pt x="1390" y="0"/>
                </a:cubicBezTo>
                <a:cubicBezTo>
                  <a:pt x="1383" y="0"/>
                  <a:pt x="1377" y="6"/>
                  <a:pt x="1377" y="13"/>
                </a:cubicBezTo>
                <a:cubicBezTo>
                  <a:pt x="1377" y="20"/>
                  <a:pt x="1383" y="25"/>
                  <a:pt x="1390" y="25"/>
                </a:cubicBezTo>
                <a:close/>
                <a:moveTo>
                  <a:pt x="1429" y="20"/>
                </a:moveTo>
                <a:cubicBezTo>
                  <a:pt x="1434" y="20"/>
                  <a:pt x="1437" y="17"/>
                  <a:pt x="1437" y="13"/>
                </a:cubicBezTo>
                <a:cubicBezTo>
                  <a:pt x="1437" y="9"/>
                  <a:pt x="1434" y="5"/>
                  <a:pt x="1429" y="5"/>
                </a:cubicBezTo>
                <a:cubicBezTo>
                  <a:pt x="1425" y="5"/>
                  <a:pt x="1422" y="9"/>
                  <a:pt x="1422" y="13"/>
                </a:cubicBezTo>
                <a:cubicBezTo>
                  <a:pt x="1422" y="17"/>
                  <a:pt x="1425" y="20"/>
                  <a:pt x="1429" y="20"/>
                </a:cubicBezTo>
                <a:close/>
                <a:moveTo>
                  <a:pt x="759" y="65"/>
                </a:moveTo>
                <a:cubicBezTo>
                  <a:pt x="766" y="65"/>
                  <a:pt x="772" y="59"/>
                  <a:pt x="772" y="52"/>
                </a:cubicBezTo>
                <a:cubicBezTo>
                  <a:pt x="772" y="45"/>
                  <a:pt x="766" y="39"/>
                  <a:pt x="759" y="39"/>
                </a:cubicBezTo>
                <a:cubicBezTo>
                  <a:pt x="752" y="39"/>
                  <a:pt x="746" y="45"/>
                  <a:pt x="746" y="52"/>
                </a:cubicBezTo>
                <a:cubicBezTo>
                  <a:pt x="746" y="59"/>
                  <a:pt x="752" y="65"/>
                  <a:pt x="759" y="65"/>
                </a:cubicBezTo>
                <a:close/>
                <a:moveTo>
                  <a:pt x="838" y="43"/>
                </a:moveTo>
                <a:cubicBezTo>
                  <a:pt x="833" y="43"/>
                  <a:pt x="829" y="47"/>
                  <a:pt x="829" y="52"/>
                </a:cubicBezTo>
                <a:cubicBezTo>
                  <a:pt x="829" y="57"/>
                  <a:pt x="833" y="61"/>
                  <a:pt x="838" y="61"/>
                </a:cubicBezTo>
                <a:cubicBezTo>
                  <a:pt x="843" y="61"/>
                  <a:pt x="847" y="57"/>
                  <a:pt x="847" y="52"/>
                </a:cubicBezTo>
                <a:cubicBezTo>
                  <a:pt x="847" y="47"/>
                  <a:pt x="843" y="43"/>
                  <a:pt x="838" y="43"/>
                </a:cubicBezTo>
                <a:close/>
                <a:moveTo>
                  <a:pt x="917" y="65"/>
                </a:moveTo>
                <a:cubicBezTo>
                  <a:pt x="924" y="65"/>
                  <a:pt x="930" y="59"/>
                  <a:pt x="930" y="52"/>
                </a:cubicBezTo>
                <a:cubicBezTo>
                  <a:pt x="930" y="45"/>
                  <a:pt x="924" y="39"/>
                  <a:pt x="917" y="39"/>
                </a:cubicBezTo>
                <a:cubicBezTo>
                  <a:pt x="910" y="39"/>
                  <a:pt x="904" y="45"/>
                  <a:pt x="904" y="52"/>
                </a:cubicBezTo>
                <a:cubicBezTo>
                  <a:pt x="904" y="59"/>
                  <a:pt x="910" y="65"/>
                  <a:pt x="917" y="65"/>
                </a:cubicBezTo>
                <a:close/>
                <a:moveTo>
                  <a:pt x="956" y="65"/>
                </a:moveTo>
                <a:cubicBezTo>
                  <a:pt x="963" y="65"/>
                  <a:pt x="969" y="59"/>
                  <a:pt x="969" y="52"/>
                </a:cubicBezTo>
                <a:cubicBezTo>
                  <a:pt x="969" y="45"/>
                  <a:pt x="963" y="39"/>
                  <a:pt x="956" y="39"/>
                </a:cubicBezTo>
                <a:cubicBezTo>
                  <a:pt x="949" y="39"/>
                  <a:pt x="944" y="45"/>
                  <a:pt x="944" y="52"/>
                </a:cubicBezTo>
                <a:cubicBezTo>
                  <a:pt x="944" y="59"/>
                  <a:pt x="949" y="65"/>
                  <a:pt x="956" y="65"/>
                </a:cubicBezTo>
                <a:close/>
                <a:moveTo>
                  <a:pt x="1035" y="65"/>
                </a:moveTo>
                <a:cubicBezTo>
                  <a:pt x="1042" y="65"/>
                  <a:pt x="1048" y="59"/>
                  <a:pt x="1048" y="52"/>
                </a:cubicBezTo>
                <a:cubicBezTo>
                  <a:pt x="1048" y="45"/>
                  <a:pt x="1042" y="39"/>
                  <a:pt x="1035" y="39"/>
                </a:cubicBezTo>
                <a:cubicBezTo>
                  <a:pt x="1028" y="39"/>
                  <a:pt x="1022" y="45"/>
                  <a:pt x="1022" y="52"/>
                </a:cubicBezTo>
                <a:cubicBezTo>
                  <a:pt x="1022" y="59"/>
                  <a:pt x="1028" y="65"/>
                  <a:pt x="1035" y="65"/>
                </a:cubicBezTo>
                <a:close/>
                <a:moveTo>
                  <a:pt x="1075" y="65"/>
                </a:moveTo>
                <a:cubicBezTo>
                  <a:pt x="1082" y="65"/>
                  <a:pt x="1087" y="59"/>
                  <a:pt x="1087" y="52"/>
                </a:cubicBezTo>
                <a:cubicBezTo>
                  <a:pt x="1087" y="45"/>
                  <a:pt x="1082" y="39"/>
                  <a:pt x="1075" y="39"/>
                </a:cubicBezTo>
                <a:cubicBezTo>
                  <a:pt x="1068" y="39"/>
                  <a:pt x="1062" y="45"/>
                  <a:pt x="1062" y="52"/>
                </a:cubicBezTo>
                <a:cubicBezTo>
                  <a:pt x="1062" y="59"/>
                  <a:pt x="1068" y="65"/>
                  <a:pt x="1075" y="65"/>
                </a:cubicBezTo>
                <a:close/>
                <a:moveTo>
                  <a:pt x="1114" y="65"/>
                </a:moveTo>
                <a:cubicBezTo>
                  <a:pt x="1121" y="65"/>
                  <a:pt x="1127" y="59"/>
                  <a:pt x="1127" y="52"/>
                </a:cubicBezTo>
                <a:cubicBezTo>
                  <a:pt x="1127" y="45"/>
                  <a:pt x="1121" y="39"/>
                  <a:pt x="1114" y="39"/>
                </a:cubicBezTo>
                <a:cubicBezTo>
                  <a:pt x="1107" y="39"/>
                  <a:pt x="1101" y="45"/>
                  <a:pt x="1101" y="52"/>
                </a:cubicBezTo>
                <a:cubicBezTo>
                  <a:pt x="1101" y="59"/>
                  <a:pt x="1107" y="65"/>
                  <a:pt x="1114" y="65"/>
                </a:cubicBezTo>
                <a:close/>
                <a:moveTo>
                  <a:pt x="1153" y="65"/>
                </a:moveTo>
                <a:cubicBezTo>
                  <a:pt x="1161" y="65"/>
                  <a:pt x="1166" y="59"/>
                  <a:pt x="1166" y="52"/>
                </a:cubicBezTo>
                <a:cubicBezTo>
                  <a:pt x="1166" y="45"/>
                  <a:pt x="1161" y="39"/>
                  <a:pt x="1153" y="39"/>
                </a:cubicBezTo>
                <a:cubicBezTo>
                  <a:pt x="1146" y="39"/>
                  <a:pt x="1141" y="45"/>
                  <a:pt x="1141" y="52"/>
                </a:cubicBezTo>
                <a:cubicBezTo>
                  <a:pt x="1141" y="59"/>
                  <a:pt x="1146" y="65"/>
                  <a:pt x="1153" y="65"/>
                </a:cubicBezTo>
                <a:close/>
                <a:moveTo>
                  <a:pt x="1193" y="65"/>
                </a:moveTo>
                <a:cubicBezTo>
                  <a:pt x="1200" y="65"/>
                  <a:pt x="1206" y="59"/>
                  <a:pt x="1206" y="52"/>
                </a:cubicBezTo>
                <a:cubicBezTo>
                  <a:pt x="1206" y="45"/>
                  <a:pt x="1200" y="39"/>
                  <a:pt x="1193" y="39"/>
                </a:cubicBezTo>
                <a:cubicBezTo>
                  <a:pt x="1186" y="39"/>
                  <a:pt x="1180" y="45"/>
                  <a:pt x="1180" y="52"/>
                </a:cubicBezTo>
                <a:cubicBezTo>
                  <a:pt x="1180" y="59"/>
                  <a:pt x="1186" y="65"/>
                  <a:pt x="1193" y="65"/>
                </a:cubicBezTo>
                <a:close/>
                <a:moveTo>
                  <a:pt x="1232" y="65"/>
                </a:moveTo>
                <a:cubicBezTo>
                  <a:pt x="1239" y="65"/>
                  <a:pt x="1245" y="59"/>
                  <a:pt x="1245" y="52"/>
                </a:cubicBezTo>
                <a:cubicBezTo>
                  <a:pt x="1245" y="45"/>
                  <a:pt x="1239" y="39"/>
                  <a:pt x="1232" y="39"/>
                </a:cubicBezTo>
                <a:cubicBezTo>
                  <a:pt x="1225" y="39"/>
                  <a:pt x="1220" y="45"/>
                  <a:pt x="1220" y="52"/>
                </a:cubicBezTo>
                <a:cubicBezTo>
                  <a:pt x="1220" y="59"/>
                  <a:pt x="1225" y="65"/>
                  <a:pt x="1232" y="65"/>
                </a:cubicBezTo>
                <a:close/>
                <a:moveTo>
                  <a:pt x="1272" y="65"/>
                </a:moveTo>
                <a:cubicBezTo>
                  <a:pt x="1279" y="65"/>
                  <a:pt x="1285" y="59"/>
                  <a:pt x="1285" y="52"/>
                </a:cubicBezTo>
                <a:cubicBezTo>
                  <a:pt x="1285" y="45"/>
                  <a:pt x="1279" y="39"/>
                  <a:pt x="1272" y="39"/>
                </a:cubicBezTo>
                <a:cubicBezTo>
                  <a:pt x="1265" y="39"/>
                  <a:pt x="1259" y="45"/>
                  <a:pt x="1259" y="52"/>
                </a:cubicBezTo>
                <a:cubicBezTo>
                  <a:pt x="1259" y="59"/>
                  <a:pt x="1265" y="65"/>
                  <a:pt x="1272" y="65"/>
                </a:cubicBezTo>
                <a:close/>
                <a:moveTo>
                  <a:pt x="1311" y="65"/>
                </a:moveTo>
                <a:cubicBezTo>
                  <a:pt x="1318" y="65"/>
                  <a:pt x="1324" y="59"/>
                  <a:pt x="1324" y="52"/>
                </a:cubicBezTo>
                <a:cubicBezTo>
                  <a:pt x="1324" y="45"/>
                  <a:pt x="1318" y="39"/>
                  <a:pt x="1311" y="39"/>
                </a:cubicBezTo>
                <a:cubicBezTo>
                  <a:pt x="1304" y="39"/>
                  <a:pt x="1298" y="45"/>
                  <a:pt x="1298" y="52"/>
                </a:cubicBezTo>
                <a:cubicBezTo>
                  <a:pt x="1298" y="59"/>
                  <a:pt x="1304" y="65"/>
                  <a:pt x="1311" y="65"/>
                </a:cubicBezTo>
                <a:close/>
                <a:moveTo>
                  <a:pt x="1351" y="65"/>
                </a:moveTo>
                <a:cubicBezTo>
                  <a:pt x="1358" y="65"/>
                  <a:pt x="1363" y="59"/>
                  <a:pt x="1363" y="52"/>
                </a:cubicBezTo>
                <a:cubicBezTo>
                  <a:pt x="1363" y="45"/>
                  <a:pt x="1358" y="39"/>
                  <a:pt x="1351" y="39"/>
                </a:cubicBezTo>
                <a:cubicBezTo>
                  <a:pt x="1344" y="39"/>
                  <a:pt x="1338" y="45"/>
                  <a:pt x="1338" y="52"/>
                </a:cubicBezTo>
                <a:cubicBezTo>
                  <a:pt x="1338" y="59"/>
                  <a:pt x="1344" y="65"/>
                  <a:pt x="1351" y="65"/>
                </a:cubicBezTo>
                <a:close/>
                <a:moveTo>
                  <a:pt x="1390" y="65"/>
                </a:moveTo>
                <a:cubicBezTo>
                  <a:pt x="1397" y="65"/>
                  <a:pt x="1403" y="59"/>
                  <a:pt x="1403" y="52"/>
                </a:cubicBezTo>
                <a:cubicBezTo>
                  <a:pt x="1403" y="45"/>
                  <a:pt x="1397" y="39"/>
                  <a:pt x="1390" y="39"/>
                </a:cubicBezTo>
                <a:cubicBezTo>
                  <a:pt x="1383" y="39"/>
                  <a:pt x="1377" y="45"/>
                  <a:pt x="1377" y="52"/>
                </a:cubicBezTo>
                <a:cubicBezTo>
                  <a:pt x="1377" y="59"/>
                  <a:pt x="1383" y="65"/>
                  <a:pt x="1390" y="65"/>
                </a:cubicBezTo>
                <a:close/>
                <a:moveTo>
                  <a:pt x="1429" y="65"/>
                </a:moveTo>
                <a:cubicBezTo>
                  <a:pt x="1437" y="65"/>
                  <a:pt x="1442" y="59"/>
                  <a:pt x="1442" y="52"/>
                </a:cubicBezTo>
                <a:cubicBezTo>
                  <a:pt x="1442" y="45"/>
                  <a:pt x="1437" y="39"/>
                  <a:pt x="1429" y="39"/>
                </a:cubicBezTo>
                <a:cubicBezTo>
                  <a:pt x="1422" y="39"/>
                  <a:pt x="1417" y="45"/>
                  <a:pt x="1417" y="52"/>
                </a:cubicBezTo>
                <a:cubicBezTo>
                  <a:pt x="1417" y="59"/>
                  <a:pt x="1422" y="65"/>
                  <a:pt x="1429" y="65"/>
                </a:cubicBezTo>
                <a:close/>
                <a:moveTo>
                  <a:pt x="1469" y="65"/>
                </a:moveTo>
                <a:cubicBezTo>
                  <a:pt x="1476" y="65"/>
                  <a:pt x="1482" y="59"/>
                  <a:pt x="1482" y="52"/>
                </a:cubicBezTo>
                <a:cubicBezTo>
                  <a:pt x="1482" y="45"/>
                  <a:pt x="1476" y="39"/>
                  <a:pt x="1469" y="39"/>
                </a:cubicBezTo>
                <a:cubicBezTo>
                  <a:pt x="1462" y="39"/>
                  <a:pt x="1456" y="45"/>
                  <a:pt x="1456" y="52"/>
                </a:cubicBezTo>
                <a:cubicBezTo>
                  <a:pt x="1456" y="59"/>
                  <a:pt x="1462" y="65"/>
                  <a:pt x="1469" y="65"/>
                </a:cubicBezTo>
                <a:close/>
                <a:moveTo>
                  <a:pt x="1508" y="65"/>
                </a:moveTo>
                <a:cubicBezTo>
                  <a:pt x="1515" y="65"/>
                  <a:pt x="1521" y="59"/>
                  <a:pt x="1521" y="52"/>
                </a:cubicBezTo>
                <a:cubicBezTo>
                  <a:pt x="1521" y="45"/>
                  <a:pt x="1515" y="39"/>
                  <a:pt x="1508" y="39"/>
                </a:cubicBezTo>
                <a:cubicBezTo>
                  <a:pt x="1501" y="39"/>
                  <a:pt x="1496" y="45"/>
                  <a:pt x="1496" y="52"/>
                </a:cubicBezTo>
                <a:cubicBezTo>
                  <a:pt x="1496" y="59"/>
                  <a:pt x="1501" y="65"/>
                  <a:pt x="1508" y="65"/>
                </a:cubicBezTo>
                <a:close/>
                <a:moveTo>
                  <a:pt x="2652" y="65"/>
                </a:moveTo>
                <a:cubicBezTo>
                  <a:pt x="2659" y="65"/>
                  <a:pt x="2664" y="59"/>
                  <a:pt x="2664" y="52"/>
                </a:cubicBezTo>
                <a:cubicBezTo>
                  <a:pt x="2664" y="45"/>
                  <a:pt x="2659" y="39"/>
                  <a:pt x="2652" y="39"/>
                </a:cubicBezTo>
                <a:cubicBezTo>
                  <a:pt x="2645" y="39"/>
                  <a:pt x="2639" y="45"/>
                  <a:pt x="2639" y="52"/>
                </a:cubicBezTo>
                <a:cubicBezTo>
                  <a:pt x="2639" y="59"/>
                  <a:pt x="2645" y="65"/>
                  <a:pt x="2652" y="65"/>
                </a:cubicBezTo>
                <a:close/>
                <a:moveTo>
                  <a:pt x="641" y="102"/>
                </a:moveTo>
                <a:cubicBezTo>
                  <a:pt x="647" y="102"/>
                  <a:pt x="652" y="97"/>
                  <a:pt x="652" y="92"/>
                </a:cubicBezTo>
                <a:cubicBezTo>
                  <a:pt x="652" y="86"/>
                  <a:pt x="647" y="81"/>
                  <a:pt x="641" y="81"/>
                </a:cubicBezTo>
                <a:cubicBezTo>
                  <a:pt x="635" y="81"/>
                  <a:pt x="630" y="86"/>
                  <a:pt x="630" y="92"/>
                </a:cubicBezTo>
                <a:cubicBezTo>
                  <a:pt x="630" y="97"/>
                  <a:pt x="635" y="102"/>
                  <a:pt x="641" y="102"/>
                </a:cubicBezTo>
                <a:close/>
                <a:moveTo>
                  <a:pt x="759" y="104"/>
                </a:moveTo>
                <a:cubicBezTo>
                  <a:pt x="766" y="104"/>
                  <a:pt x="772" y="99"/>
                  <a:pt x="772" y="92"/>
                </a:cubicBezTo>
                <a:cubicBezTo>
                  <a:pt x="772" y="84"/>
                  <a:pt x="766" y="79"/>
                  <a:pt x="759" y="79"/>
                </a:cubicBezTo>
                <a:cubicBezTo>
                  <a:pt x="752" y="79"/>
                  <a:pt x="746" y="84"/>
                  <a:pt x="746" y="92"/>
                </a:cubicBezTo>
                <a:cubicBezTo>
                  <a:pt x="746" y="99"/>
                  <a:pt x="752" y="104"/>
                  <a:pt x="759" y="104"/>
                </a:cubicBezTo>
                <a:close/>
                <a:moveTo>
                  <a:pt x="799" y="104"/>
                </a:moveTo>
                <a:cubicBezTo>
                  <a:pt x="806" y="104"/>
                  <a:pt x="811" y="99"/>
                  <a:pt x="811" y="92"/>
                </a:cubicBezTo>
                <a:cubicBezTo>
                  <a:pt x="811" y="84"/>
                  <a:pt x="806" y="79"/>
                  <a:pt x="799" y="79"/>
                </a:cubicBezTo>
                <a:cubicBezTo>
                  <a:pt x="792" y="79"/>
                  <a:pt x="786" y="84"/>
                  <a:pt x="786" y="92"/>
                </a:cubicBezTo>
                <a:cubicBezTo>
                  <a:pt x="786" y="99"/>
                  <a:pt x="792" y="104"/>
                  <a:pt x="799" y="104"/>
                </a:cubicBezTo>
                <a:close/>
                <a:moveTo>
                  <a:pt x="838" y="104"/>
                </a:moveTo>
                <a:cubicBezTo>
                  <a:pt x="845" y="104"/>
                  <a:pt x="851" y="99"/>
                  <a:pt x="851" y="92"/>
                </a:cubicBezTo>
                <a:cubicBezTo>
                  <a:pt x="851" y="84"/>
                  <a:pt x="845" y="79"/>
                  <a:pt x="838" y="79"/>
                </a:cubicBezTo>
                <a:cubicBezTo>
                  <a:pt x="831" y="79"/>
                  <a:pt x="825" y="84"/>
                  <a:pt x="825" y="92"/>
                </a:cubicBezTo>
                <a:cubicBezTo>
                  <a:pt x="825" y="99"/>
                  <a:pt x="831" y="104"/>
                  <a:pt x="838" y="104"/>
                </a:cubicBezTo>
                <a:close/>
                <a:moveTo>
                  <a:pt x="878" y="104"/>
                </a:moveTo>
                <a:cubicBezTo>
                  <a:pt x="885" y="104"/>
                  <a:pt x="890" y="99"/>
                  <a:pt x="890" y="92"/>
                </a:cubicBezTo>
                <a:cubicBezTo>
                  <a:pt x="890" y="84"/>
                  <a:pt x="885" y="79"/>
                  <a:pt x="878" y="79"/>
                </a:cubicBezTo>
                <a:cubicBezTo>
                  <a:pt x="870" y="79"/>
                  <a:pt x="865" y="84"/>
                  <a:pt x="865" y="92"/>
                </a:cubicBezTo>
                <a:cubicBezTo>
                  <a:pt x="865" y="99"/>
                  <a:pt x="870" y="104"/>
                  <a:pt x="878" y="104"/>
                </a:cubicBezTo>
                <a:close/>
                <a:moveTo>
                  <a:pt x="917" y="104"/>
                </a:moveTo>
                <a:cubicBezTo>
                  <a:pt x="924" y="104"/>
                  <a:pt x="930" y="99"/>
                  <a:pt x="930" y="92"/>
                </a:cubicBezTo>
                <a:cubicBezTo>
                  <a:pt x="930" y="84"/>
                  <a:pt x="924" y="79"/>
                  <a:pt x="917" y="79"/>
                </a:cubicBezTo>
                <a:cubicBezTo>
                  <a:pt x="910" y="79"/>
                  <a:pt x="904" y="84"/>
                  <a:pt x="904" y="92"/>
                </a:cubicBezTo>
                <a:cubicBezTo>
                  <a:pt x="904" y="99"/>
                  <a:pt x="910" y="104"/>
                  <a:pt x="917" y="104"/>
                </a:cubicBezTo>
                <a:close/>
                <a:moveTo>
                  <a:pt x="996" y="104"/>
                </a:moveTo>
                <a:cubicBezTo>
                  <a:pt x="1003" y="104"/>
                  <a:pt x="1009" y="99"/>
                  <a:pt x="1009" y="92"/>
                </a:cubicBezTo>
                <a:cubicBezTo>
                  <a:pt x="1009" y="84"/>
                  <a:pt x="1003" y="79"/>
                  <a:pt x="996" y="79"/>
                </a:cubicBezTo>
                <a:cubicBezTo>
                  <a:pt x="989" y="79"/>
                  <a:pt x="983" y="84"/>
                  <a:pt x="983" y="92"/>
                </a:cubicBezTo>
                <a:cubicBezTo>
                  <a:pt x="983" y="99"/>
                  <a:pt x="989" y="104"/>
                  <a:pt x="996" y="104"/>
                </a:cubicBezTo>
                <a:close/>
                <a:moveTo>
                  <a:pt x="1035" y="104"/>
                </a:moveTo>
                <a:cubicBezTo>
                  <a:pt x="1042" y="104"/>
                  <a:pt x="1048" y="99"/>
                  <a:pt x="1048" y="92"/>
                </a:cubicBezTo>
                <a:cubicBezTo>
                  <a:pt x="1048" y="84"/>
                  <a:pt x="1042" y="79"/>
                  <a:pt x="1035" y="79"/>
                </a:cubicBezTo>
                <a:cubicBezTo>
                  <a:pt x="1028" y="79"/>
                  <a:pt x="1022" y="84"/>
                  <a:pt x="1022" y="92"/>
                </a:cubicBezTo>
                <a:cubicBezTo>
                  <a:pt x="1022" y="99"/>
                  <a:pt x="1028" y="104"/>
                  <a:pt x="1035" y="104"/>
                </a:cubicBezTo>
                <a:close/>
                <a:moveTo>
                  <a:pt x="1075" y="104"/>
                </a:moveTo>
                <a:cubicBezTo>
                  <a:pt x="1082" y="104"/>
                  <a:pt x="1087" y="99"/>
                  <a:pt x="1087" y="92"/>
                </a:cubicBezTo>
                <a:cubicBezTo>
                  <a:pt x="1087" y="84"/>
                  <a:pt x="1082" y="79"/>
                  <a:pt x="1075" y="79"/>
                </a:cubicBezTo>
                <a:cubicBezTo>
                  <a:pt x="1068" y="79"/>
                  <a:pt x="1062" y="84"/>
                  <a:pt x="1062" y="92"/>
                </a:cubicBezTo>
                <a:cubicBezTo>
                  <a:pt x="1062" y="99"/>
                  <a:pt x="1068" y="104"/>
                  <a:pt x="1075" y="104"/>
                </a:cubicBezTo>
                <a:close/>
                <a:moveTo>
                  <a:pt x="1114" y="104"/>
                </a:moveTo>
                <a:cubicBezTo>
                  <a:pt x="1121" y="104"/>
                  <a:pt x="1127" y="99"/>
                  <a:pt x="1127" y="92"/>
                </a:cubicBezTo>
                <a:cubicBezTo>
                  <a:pt x="1127" y="84"/>
                  <a:pt x="1121" y="79"/>
                  <a:pt x="1114" y="79"/>
                </a:cubicBezTo>
                <a:cubicBezTo>
                  <a:pt x="1107" y="79"/>
                  <a:pt x="1101" y="84"/>
                  <a:pt x="1101" y="92"/>
                </a:cubicBezTo>
                <a:cubicBezTo>
                  <a:pt x="1101" y="99"/>
                  <a:pt x="1107" y="104"/>
                  <a:pt x="1114" y="104"/>
                </a:cubicBezTo>
                <a:close/>
                <a:moveTo>
                  <a:pt x="1153" y="104"/>
                </a:moveTo>
                <a:cubicBezTo>
                  <a:pt x="1161" y="104"/>
                  <a:pt x="1166" y="99"/>
                  <a:pt x="1166" y="92"/>
                </a:cubicBezTo>
                <a:cubicBezTo>
                  <a:pt x="1166" y="84"/>
                  <a:pt x="1161" y="79"/>
                  <a:pt x="1153" y="79"/>
                </a:cubicBezTo>
                <a:cubicBezTo>
                  <a:pt x="1146" y="79"/>
                  <a:pt x="1141" y="84"/>
                  <a:pt x="1141" y="92"/>
                </a:cubicBezTo>
                <a:cubicBezTo>
                  <a:pt x="1141" y="99"/>
                  <a:pt x="1146" y="104"/>
                  <a:pt x="1153" y="104"/>
                </a:cubicBezTo>
                <a:close/>
                <a:moveTo>
                  <a:pt x="1193" y="104"/>
                </a:moveTo>
                <a:cubicBezTo>
                  <a:pt x="1200" y="104"/>
                  <a:pt x="1206" y="99"/>
                  <a:pt x="1206" y="92"/>
                </a:cubicBezTo>
                <a:cubicBezTo>
                  <a:pt x="1206" y="84"/>
                  <a:pt x="1200" y="79"/>
                  <a:pt x="1193" y="79"/>
                </a:cubicBezTo>
                <a:cubicBezTo>
                  <a:pt x="1186" y="79"/>
                  <a:pt x="1180" y="84"/>
                  <a:pt x="1180" y="92"/>
                </a:cubicBezTo>
                <a:cubicBezTo>
                  <a:pt x="1180" y="99"/>
                  <a:pt x="1186" y="104"/>
                  <a:pt x="1193" y="104"/>
                </a:cubicBezTo>
                <a:close/>
                <a:moveTo>
                  <a:pt x="1232" y="104"/>
                </a:moveTo>
                <a:cubicBezTo>
                  <a:pt x="1239" y="104"/>
                  <a:pt x="1245" y="99"/>
                  <a:pt x="1245" y="92"/>
                </a:cubicBezTo>
                <a:cubicBezTo>
                  <a:pt x="1245" y="84"/>
                  <a:pt x="1239" y="79"/>
                  <a:pt x="1232" y="79"/>
                </a:cubicBezTo>
                <a:cubicBezTo>
                  <a:pt x="1225" y="79"/>
                  <a:pt x="1220" y="84"/>
                  <a:pt x="1220" y="92"/>
                </a:cubicBezTo>
                <a:cubicBezTo>
                  <a:pt x="1220" y="99"/>
                  <a:pt x="1225" y="104"/>
                  <a:pt x="1232" y="104"/>
                </a:cubicBezTo>
                <a:close/>
                <a:moveTo>
                  <a:pt x="1272" y="104"/>
                </a:moveTo>
                <a:cubicBezTo>
                  <a:pt x="1279" y="104"/>
                  <a:pt x="1285" y="99"/>
                  <a:pt x="1285" y="92"/>
                </a:cubicBezTo>
                <a:cubicBezTo>
                  <a:pt x="1285" y="84"/>
                  <a:pt x="1279" y="79"/>
                  <a:pt x="1272" y="79"/>
                </a:cubicBezTo>
                <a:cubicBezTo>
                  <a:pt x="1265" y="79"/>
                  <a:pt x="1259" y="84"/>
                  <a:pt x="1259" y="92"/>
                </a:cubicBezTo>
                <a:cubicBezTo>
                  <a:pt x="1259" y="99"/>
                  <a:pt x="1265" y="104"/>
                  <a:pt x="1272" y="104"/>
                </a:cubicBezTo>
                <a:close/>
                <a:moveTo>
                  <a:pt x="1311" y="104"/>
                </a:moveTo>
                <a:cubicBezTo>
                  <a:pt x="1318" y="104"/>
                  <a:pt x="1324" y="99"/>
                  <a:pt x="1324" y="92"/>
                </a:cubicBezTo>
                <a:cubicBezTo>
                  <a:pt x="1324" y="84"/>
                  <a:pt x="1318" y="79"/>
                  <a:pt x="1311" y="79"/>
                </a:cubicBezTo>
                <a:cubicBezTo>
                  <a:pt x="1304" y="79"/>
                  <a:pt x="1298" y="84"/>
                  <a:pt x="1298" y="92"/>
                </a:cubicBezTo>
                <a:cubicBezTo>
                  <a:pt x="1298" y="99"/>
                  <a:pt x="1304" y="104"/>
                  <a:pt x="1311" y="104"/>
                </a:cubicBezTo>
                <a:close/>
                <a:moveTo>
                  <a:pt x="1351" y="104"/>
                </a:moveTo>
                <a:cubicBezTo>
                  <a:pt x="1358" y="104"/>
                  <a:pt x="1363" y="99"/>
                  <a:pt x="1363" y="92"/>
                </a:cubicBezTo>
                <a:cubicBezTo>
                  <a:pt x="1363" y="84"/>
                  <a:pt x="1358" y="79"/>
                  <a:pt x="1351" y="79"/>
                </a:cubicBezTo>
                <a:cubicBezTo>
                  <a:pt x="1344" y="79"/>
                  <a:pt x="1338" y="84"/>
                  <a:pt x="1338" y="92"/>
                </a:cubicBezTo>
                <a:cubicBezTo>
                  <a:pt x="1338" y="99"/>
                  <a:pt x="1344" y="104"/>
                  <a:pt x="1351" y="104"/>
                </a:cubicBezTo>
                <a:close/>
                <a:moveTo>
                  <a:pt x="1390" y="104"/>
                </a:moveTo>
                <a:cubicBezTo>
                  <a:pt x="1397" y="104"/>
                  <a:pt x="1403" y="99"/>
                  <a:pt x="1403" y="92"/>
                </a:cubicBezTo>
                <a:cubicBezTo>
                  <a:pt x="1403" y="84"/>
                  <a:pt x="1397" y="79"/>
                  <a:pt x="1390" y="79"/>
                </a:cubicBezTo>
                <a:cubicBezTo>
                  <a:pt x="1383" y="79"/>
                  <a:pt x="1377" y="84"/>
                  <a:pt x="1377" y="92"/>
                </a:cubicBezTo>
                <a:cubicBezTo>
                  <a:pt x="1377" y="99"/>
                  <a:pt x="1383" y="104"/>
                  <a:pt x="1390" y="104"/>
                </a:cubicBezTo>
                <a:close/>
                <a:moveTo>
                  <a:pt x="1429" y="104"/>
                </a:moveTo>
                <a:cubicBezTo>
                  <a:pt x="1437" y="104"/>
                  <a:pt x="1442" y="99"/>
                  <a:pt x="1442" y="92"/>
                </a:cubicBezTo>
                <a:cubicBezTo>
                  <a:pt x="1442" y="84"/>
                  <a:pt x="1437" y="79"/>
                  <a:pt x="1429" y="79"/>
                </a:cubicBezTo>
                <a:cubicBezTo>
                  <a:pt x="1422" y="79"/>
                  <a:pt x="1417" y="84"/>
                  <a:pt x="1417" y="92"/>
                </a:cubicBezTo>
                <a:cubicBezTo>
                  <a:pt x="1417" y="99"/>
                  <a:pt x="1422" y="104"/>
                  <a:pt x="1429" y="104"/>
                </a:cubicBezTo>
                <a:close/>
                <a:moveTo>
                  <a:pt x="1469" y="104"/>
                </a:moveTo>
                <a:cubicBezTo>
                  <a:pt x="1476" y="104"/>
                  <a:pt x="1482" y="99"/>
                  <a:pt x="1482" y="92"/>
                </a:cubicBezTo>
                <a:cubicBezTo>
                  <a:pt x="1482" y="84"/>
                  <a:pt x="1476" y="79"/>
                  <a:pt x="1469" y="79"/>
                </a:cubicBezTo>
                <a:cubicBezTo>
                  <a:pt x="1462" y="79"/>
                  <a:pt x="1456" y="84"/>
                  <a:pt x="1456" y="92"/>
                </a:cubicBezTo>
                <a:cubicBezTo>
                  <a:pt x="1456" y="99"/>
                  <a:pt x="1462" y="104"/>
                  <a:pt x="1469" y="104"/>
                </a:cubicBezTo>
                <a:close/>
                <a:moveTo>
                  <a:pt x="1824" y="104"/>
                </a:moveTo>
                <a:cubicBezTo>
                  <a:pt x="1831" y="104"/>
                  <a:pt x="1836" y="99"/>
                  <a:pt x="1836" y="92"/>
                </a:cubicBezTo>
                <a:cubicBezTo>
                  <a:pt x="1836" y="84"/>
                  <a:pt x="1831" y="79"/>
                  <a:pt x="1824" y="79"/>
                </a:cubicBezTo>
                <a:cubicBezTo>
                  <a:pt x="1817" y="79"/>
                  <a:pt x="1811" y="84"/>
                  <a:pt x="1811" y="92"/>
                </a:cubicBezTo>
                <a:cubicBezTo>
                  <a:pt x="1811" y="99"/>
                  <a:pt x="1817" y="104"/>
                  <a:pt x="1824" y="104"/>
                </a:cubicBezTo>
                <a:close/>
                <a:moveTo>
                  <a:pt x="1863" y="104"/>
                </a:moveTo>
                <a:cubicBezTo>
                  <a:pt x="1870" y="104"/>
                  <a:pt x="1876" y="99"/>
                  <a:pt x="1876" y="92"/>
                </a:cubicBezTo>
                <a:cubicBezTo>
                  <a:pt x="1876" y="84"/>
                  <a:pt x="1870" y="79"/>
                  <a:pt x="1863" y="79"/>
                </a:cubicBezTo>
                <a:cubicBezTo>
                  <a:pt x="1856" y="79"/>
                  <a:pt x="1850" y="84"/>
                  <a:pt x="1850" y="92"/>
                </a:cubicBezTo>
                <a:cubicBezTo>
                  <a:pt x="1850" y="99"/>
                  <a:pt x="1856" y="104"/>
                  <a:pt x="1863" y="104"/>
                </a:cubicBezTo>
                <a:close/>
                <a:moveTo>
                  <a:pt x="1903" y="104"/>
                </a:moveTo>
                <a:cubicBezTo>
                  <a:pt x="1910" y="104"/>
                  <a:pt x="1915" y="99"/>
                  <a:pt x="1915" y="92"/>
                </a:cubicBezTo>
                <a:cubicBezTo>
                  <a:pt x="1915" y="84"/>
                  <a:pt x="1910" y="79"/>
                  <a:pt x="1903" y="79"/>
                </a:cubicBezTo>
                <a:cubicBezTo>
                  <a:pt x="1896" y="79"/>
                  <a:pt x="1890" y="84"/>
                  <a:pt x="1890" y="92"/>
                </a:cubicBezTo>
                <a:cubicBezTo>
                  <a:pt x="1890" y="99"/>
                  <a:pt x="1896" y="104"/>
                  <a:pt x="1903" y="104"/>
                </a:cubicBezTo>
                <a:close/>
                <a:moveTo>
                  <a:pt x="2691" y="101"/>
                </a:moveTo>
                <a:cubicBezTo>
                  <a:pt x="2696" y="101"/>
                  <a:pt x="2700" y="97"/>
                  <a:pt x="2700" y="92"/>
                </a:cubicBezTo>
                <a:cubicBezTo>
                  <a:pt x="2700" y="86"/>
                  <a:pt x="2696" y="82"/>
                  <a:pt x="2691" y="82"/>
                </a:cubicBezTo>
                <a:cubicBezTo>
                  <a:pt x="2686" y="82"/>
                  <a:pt x="2682" y="86"/>
                  <a:pt x="2682" y="92"/>
                </a:cubicBezTo>
                <a:cubicBezTo>
                  <a:pt x="2682" y="97"/>
                  <a:pt x="2686" y="101"/>
                  <a:pt x="2691" y="101"/>
                </a:cubicBezTo>
                <a:close/>
                <a:moveTo>
                  <a:pt x="2730" y="104"/>
                </a:moveTo>
                <a:cubicBezTo>
                  <a:pt x="2737" y="104"/>
                  <a:pt x="2743" y="99"/>
                  <a:pt x="2743" y="92"/>
                </a:cubicBezTo>
                <a:cubicBezTo>
                  <a:pt x="2743" y="84"/>
                  <a:pt x="2737" y="79"/>
                  <a:pt x="2730" y="79"/>
                </a:cubicBezTo>
                <a:cubicBezTo>
                  <a:pt x="2723" y="79"/>
                  <a:pt x="2718" y="84"/>
                  <a:pt x="2718" y="92"/>
                </a:cubicBezTo>
                <a:cubicBezTo>
                  <a:pt x="2718" y="99"/>
                  <a:pt x="2723" y="104"/>
                  <a:pt x="2730" y="104"/>
                </a:cubicBezTo>
                <a:close/>
                <a:moveTo>
                  <a:pt x="483" y="144"/>
                </a:moveTo>
                <a:cubicBezTo>
                  <a:pt x="490" y="144"/>
                  <a:pt x="496" y="138"/>
                  <a:pt x="496" y="131"/>
                </a:cubicBezTo>
                <a:cubicBezTo>
                  <a:pt x="496" y="124"/>
                  <a:pt x="490" y="118"/>
                  <a:pt x="483" y="118"/>
                </a:cubicBezTo>
                <a:cubicBezTo>
                  <a:pt x="476" y="118"/>
                  <a:pt x="471" y="124"/>
                  <a:pt x="471" y="131"/>
                </a:cubicBezTo>
                <a:cubicBezTo>
                  <a:pt x="471" y="138"/>
                  <a:pt x="476" y="144"/>
                  <a:pt x="483" y="144"/>
                </a:cubicBezTo>
                <a:close/>
                <a:moveTo>
                  <a:pt x="720" y="144"/>
                </a:moveTo>
                <a:cubicBezTo>
                  <a:pt x="727" y="144"/>
                  <a:pt x="733" y="138"/>
                  <a:pt x="733" y="131"/>
                </a:cubicBezTo>
                <a:cubicBezTo>
                  <a:pt x="733" y="124"/>
                  <a:pt x="727" y="118"/>
                  <a:pt x="720" y="118"/>
                </a:cubicBezTo>
                <a:cubicBezTo>
                  <a:pt x="713" y="118"/>
                  <a:pt x="707" y="124"/>
                  <a:pt x="707" y="131"/>
                </a:cubicBezTo>
                <a:cubicBezTo>
                  <a:pt x="707" y="138"/>
                  <a:pt x="713" y="144"/>
                  <a:pt x="720" y="144"/>
                </a:cubicBezTo>
                <a:close/>
                <a:moveTo>
                  <a:pt x="799" y="118"/>
                </a:moveTo>
                <a:cubicBezTo>
                  <a:pt x="792" y="118"/>
                  <a:pt x="786" y="124"/>
                  <a:pt x="786" y="131"/>
                </a:cubicBezTo>
                <a:cubicBezTo>
                  <a:pt x="786" y="138"/>
                  <a:pt x="792" y="144"/>
                  <a:pt x="799" y="144"/>
                </a:cubicBezTo>
                <a:cubicBezTo>
                  <a:pt x="806" y="144"/>
                  <a:pt x="811" y="138"/>
                  <a:pt x="811" y="131"/>
                </a:cubicBezTo>
                <a:cubicBezTo>
                  <a:pt x="811" y="124"/>
                  <a:pt x="806" y="118"/>
                  <a:pt x="799" y="118"/>
                </a:cubicBezTo>
                <a:close/>
                <a:moveTo>
                  <a:pt x="838" y="144"/>
                </a:moveTo>
                <a:cubicBezTo>
                  <a:pt x="845" y="144"/>
                  <a:pt x="851" y="138"/>
                  <a:pt x="851" y="131"/>
                </a:cubicBezTo>
                <a:cubicBezTo>
                  <a:pt x="851" y="124"/>
                  <a:pt x="845" y="118"/>
                  <a:pt x="838" y="118"/>
                </a:cubicBezTo>
                <a:cubicBezTo>
                  <a:pt x="831" y="118"/>
                  <a:pt x="825" y="124"/>
                  <a:pt x="825" y="131"/>
                </a:cubicBezTo>
                <a:cubicBezTo>
                  <a:pt x="825" y="138"/>
                  <a:pt x="831" y="144"/>
                  <a:pt x="838" y="144"/>
                </a:cubicBezTo>
                <a:close/>
                <a:moveTo>
                  <a:pt x="878" y="144"/>
                </a:moveTo>
                <a:cubicBezTo>
                  <a:pt x="885" y="144"/>
                  <a:pt x="890" y="138"/>
                  <a:pt x="890" y="131"/>
                </a:cubicBezTo>
                <a:cubicBezTo>
                  <a:pt x="890" y="124"/>
                  <a:pt x="885" y="118"/>
                  <a:pt x="878" y="118"/>
                </a:cubicBezTo>
                <a:cubicBezTo>
                  <a:pt x="870" y="118"/>
                  <a:pt x="865" y="124"/>
                  <a:pt x="865" y="131"/>
                </a:cubicBezTo>
                <a:cubicBezTo>
                  <a:pt x="865" y="138"/>
                  <a:pt x="870" y="144"/>
                  <a:pt x="878" y="144"/>
                </a:cubicBezTo>
                <a:close/>
                <a:moveTo>
                  <a:pt x="1009" y="131"/>
                </a:moveTo>
                <a:cubicBezTo>
                  <a:pt x="1009" y="124"/>
                  <a:pt x="1003" y="118"/>
                  <a:pt x="996" y="118"/>
                </a:cubicBezTo>
                <a:cubicBezTo>
                  <a:pt x="989" y="118"/>
                  <a:pt x="983" y="124"/>
                  <a:pt x="983" y="131"/>
                </a:cubicBezTo>
                <a:cubicBezTo>
                  <a:pt x="983" y="138"/>
                  <a:pt x="989" y="144"/>
                  <a:pt x="996" y="144"/>
                </a:cubicBezTo>
                <a:cubicBezTo>
                  <a:pt x="1003" y="144"/>
                  <a:pt x="1009" y="138"/>
                  <a:pt x="1009" y="131"/>
                </a:cubicBezTo>
                <a:close/>
                <a:moveTo>
                  <a:pt x="1035" y="144"/>
                </a:moveTo>
                <a:cubicBezTo>
                  <a:pt x="1042" y="144"/>
                  <a:pt x="1048" y="138"/>
                  <a:pt x="1048" y="131"/>
                </a:cubicBezTo>
                <a:cubicBezTo>
                  <a:pt x="1048" y="124"/>
                  <a:pt x="1042" y="118"/>
                  <a:pt x="1035" y="118"/>
                </a:cubicBezTo>
                <a:cubicBezTo>
                  <a:pt x="1028" y="118"/>
                  <a:pt x="1022" y="124"/>
                  <a:pt x="1022" y="131"/>
                </a:cubicBezTo>
                <a:cubicBezTo>
                  <a:pt x="1022" y="138"/>
                  <a:pt x="1028" y="144"/>
                  <a:pt x="1035" y="144"/>
                </a:cubicBezTo>
                <a:close/>
                <a:moveTo>
                  <a:pt x="1075" y="144"/>
                </a:moveTo>
                <a:cubicBezTo>
                  <a:pt x="1082" y="144"/>
                  <a:pt x="1087" y="138"/>
                  <a:pt x="1087" y="131"/>
                </a:cubicBezTo>
                <a:cubicBezTo>
                  <a:pt x="1087" y="124"/>
                  <a:pt x="1082" y="118"/>
                  <a:pt x="1075" y="118"/>
                </a:cubicBezTo>
                <a:cubicBezTo>
                  <a:pt x="1068" y="118"/>
                  <a:pt x="1062" y="124"/>
                  <a:pt x="1062" y="131"/>
                </a:cubicBezTo>
                <a:cubicBezTo>
                  <a:pt x="1062" y="138"/>
                  <a:pt x="1068" y="144"/>
                  <a:pt x="1075" y="144"/>
                </a:cubicBezTo>
                <a:close/>
                <a:moveTo>
                  <a:pt x="1114" y="144"/>
                </a:moveTo>
                <a:cubicBezTo>
                  <a:pt x="1121" y="144"/>
                  <a:pt x="1127" y="138"/>
                  <a:pt x="1127" y="131"/>
                </a:cubicBezTo>
                <a:cubicBezTo>
                  <a:pt x="1127" y="124"/>
                  <a:pt x="1121" y="118"/>
                  <a:pt x="1114" y="118"/>
                </a:cubicBezTo>
                <a:cubicBezTo>
                  <a:pt x="1107" y="118"/>
                  <a:pt x="1101" y="124"/>
                  <a:pt x="1101" y="131"/>
                </a:cubicBezTo>
                <a:cubicBezTo>
                  <a:pt x="1101" y="138"/>
                  <a:pt x="1107" y="144"/>
                  <a:pt x="1114" y="144"/>
                </a:cubicBezTo>
                <a:close/>
                <a:moveTo>
                  <a:pt x="1153" y="144"/>
                </a:moveTo>
                <a:cubicBezTo>
                  <a:pt x="1161" y="144"/>
                  <a:pt x="1166" y="138"/>
                  <a:pt x="1166" y="131"/>
                </a:cubicBezTo>
                <a:cubicBezTo>
                  <a:pt x="1166" y="124"/>
                  <a:pt x="1161" y="118"/>
                  <a:pt x="1153" y="118"/>
                </a:cubicBezTo>
                <a:cubicBezTo>
                  <a:pt x="1146" y="118"/>
                  <a:pt x="1141" y="124"/>
                  <a:pt x="1141" y="131"/>
                </a:cubicBezTo>
                <a:cubicBezTo>
                  <a:pt x="1141" y="138"/>
                  <a:pt x="1146" y="144"/>
                  <a:pt x="1153" y="144"/>
                </a:cubicBezTo>
                <a:close/>
                <a:moveTo>
                  <a:pt x="1193" y="118"/>
                </a:moveTo>
                <a:cubicBezTo>
                  <a:pt x="1186" y="118"/>
                  <a:pt x="1180" y="124"/>
                  <a:pt x="1180" y="131"/>
                </a:cubicBezTo>
                <a:cubicBezTo>
                  <a:pt x="1180" y="138"/>
                  <a:pt x="1186" y="144"/>
                  <a:pt x="1193" y="144"/>
                </a:cubicBezTo>
                <a:cubicBezTo>
                  <a:pt x="1200" y="144"/>
                  <a:pt x="1206" y="138"/>
                  <a:pt x="1206" y="131"/>
                </a:cubicBezTo>
                <a:cubicBezTo>
                  <a:pt x="1206" y="124"/>
                  <a:pt x="1200" y="118"/>
                  <a:pt x="1193" y="118"/>
                </a:cubicBezTo>
                <a:close/>
                <a:moveTo>
                  <a:pt x="1232" y="118"/>
                </a:moveTo>
                <a:cubicBezTo>
                  <a:pt x="1225" y="118"/>
                  <a:pt x="1220" y="124"/>
                  <a:pt x="1220" y="131"/>
                </a:cubicBezTo>
                <a:cubicBezTo>
                  <a:pt x="1220" y="138"/>
                  <a:pt x="1225" y="144"/>
                  <a:pt x="1232" y="144"/>
                </a:cubicBezTo>
                <a:cubicBezTo>
                  <a:pt x="1239" y="144"/>
                  <a:pt x="1245" y="138"/>
                  <a:pt x="1245" y="131"/>
                </a:cubicBezTo>
                <a:cubicBezTo>
                  <a:pt x="1245" y="124"/>
                  <a:pt x="1239" y="118"/>
                  <a:pt x="1232" y="118"/>
                </a:cubicBezTo>
                <a:close/>
                <a:moveTo>
                  <a:pt x="1272" y="118"/>
                </a:moveTo>
                <a:cubicBezTo>
                  <a:pt x="1265" y="118"/>
                  <a:pt x="1259" y="124"/>
                  <a:pt x="1259" y="131"/>
                </a:cubicBezTo>
                <a:cubicBezTo>
                  <a:pt x="1259" y="138"/>
                  <a:pt x="1265" y="144"/>
                  <a:pt x="1272" y="144"/>
                </a:cubicBezTo>
                <a:cubicBezTo>
                  <a:pt x="1279" y="144"/>
                  <a:pt x="1285" y="138"/>
                  <a:pt x="1285" y="131"/>
                </a:cubicBezTo>
                <a:cubicBezTo>
                  <a:pt x="1285" y="124"/>
                  <a:pt x="1279" y="118"/>
                  <a:pt x="1272" y="118"/>
                </a:cubicBezTo>
                <a:close/>
                <a:moveTo>
                  <a:pt x="1311" y="144"/>
                </a:moveTo>
                <a:cubicBezTo>
                  <a:pt x="1318" y="144"/>
                  <a:pt x="1324" y="138"/>
                  <a:pt x="1324" y="131"/>
                </a:cubicBezTo>
                <a:cubicBezTo>
                  <a:pt x="1324" y="124"/>
                  <a:pt x="1318" y="118"/>
                  <a:pt x="1311" y="118"/>
                </a:cubicBezTo>
                <a:cubicBezTo>
                  <a:pt x="1304" y="118"/>
                  <a:pt x="1298" y="124"/>
                  <a:pt x="1298" y="131"/>
                </a:cubicBezTo>
                <a:cubicBezTo>
                  <a:pt x="1298" y="138"/>
                  <a:pt x="1304" y="144"/>
                  <a:pt x="1311" y="144"/>
                </a:cubicBezTo>
                <a:close/>
                <a:moveTo>
                  <a:pt x="1351" y="144"/>
                </a:moveTo>
                <a:cubicBezTo>
                  <a:pt x="1358" y="144"/>
                  <a:pt x="1363" y="138"/>
                  <a:pt x="1363" y="131"/>
                </a:cubicBezTo>
                <a:cubicBezTo>
                  <a:pt x="1363" y="124"/>
                  <a:pt x="1358" y="118"/>
                  <a:pt x="1351" y="118"/>
                </a:cubicBezTo>
                <a:cubicBezTo>
                  <a:pt x="1344" y="118"/>
                  <a:pt x="1338" y="124"/>
                  <a:pt x="1338" y="131"/>
                </a:cubicBezTo>
                <a:cubicBezTo>
                  <a:pt x="1338" y="138"/>
                  <a:pt x="1344" y="144"/>
                  <a:pt x="1351" y="144"/>
                </a:cubicBezTo>
                <a:close/>
                <a:moveTo>
                  <a:pt x="1390" y="144"/>
                </a:moveTo>
                <a:cubicBezTo>
                  <a:pt x="1397" y="144"/>
                  <a:pt x="1403" y="138"/>
                  <a:pt x="1403" y="131"/>
                </a:cubicBezTo>
                <a:cubicBezTo>
                  <a:pt x="1403" y="124"/>
                  <a:pt x="1397" y="118"/>
                  <a:pt x="1390" y="118"/>
                </a:cubicBezTo>
                <a:cubicBezTo>
                  <a:pt x="1383" y="118"/>
                  <a:pt x="1377" y="124"/>
                  <a:pt x="1377" y="131"/>
                </a:cubicBezTo>
                <a:cubicBezTo>
                  <a:pt x="1377" y="138"/>
                  <a:pt x="1383" y="144"/>
                  <a:pt x="1390" y="144"/>
                </a:cubicBezTo>
                <a:close/>
                <a:moveTo>
                  <a:pt x="1429" y="144"/>
                </a:moveTo>
                <a:cubicBezTo>
                  <a:pt x="1437" y="144"/>
                  <a:pt x="1442" y="138"/>
                  <a:pt x="1442" y="131"/>
                </a:cubicBezTo>
                <a:cubicBezTo>
                  <a:pt x="1442" y="124"/>
                  <a:pt x="1437" y="118"/>
                  <a:pt x="1429" y="118"/>
                </a:cubicBezTo>
                <a:cubicBezTo>
                  <a:pt x="1422" y="118"/>
                  <a:pt x="1417" y="124"/>
                  <a:pt x="1417" y="131"/>
                </a:cubicBezTo>
                <a:cubicBezTo>
                  <a:pt x="1417" y="138"/>
                  <a:pt x="1422" y="144"/>
                  <a:pt x="1429" y="144"/>
                </a:cubicBezTo>
                <a:close/>
                <a:moveTo>
                  <a:pt x="1469" y="118"/>
                </a:moveTo>
                <a:cubicBezTo>
                  <a:pt x="1462" y="118"/>
                  <a:pt x="1456" y="124"/>
                  <a:pt x="1456" y="131"/>
                </a:cubicBezTo>
                <a:cubicBezTo>
                  <a:pt x="1456" y="138"/>
                  <a:pt x="1462" y="144"/>
                  <a:pt x="1469" y="144"/>
                </a:cubicBezTo>
                <a:cubicBezTo>
                  <a:pt x="1476" y="144"/>
                  <a:pt x="1482" y="138"/>
                  <a:pt x="1482" y="131"/>
                </a:cubicBezTo>
                <a:cubicBezTo>
                  <a:pt x="1482" y="124"/>
                  <a:pt x="1476" y="118"/>
                  <a:pt x="1469" y="118"/>
                </a:cubicBezTo>
                <a:close/>
                <a:moveTo>
                  <a:pt x="1508" y="144"/>
                </a:moveTo>
                <a:cubicBezTo>
                  <a:pt x="1515" y="144"/>
                  <a:pt x="1521" y="138"/>
                  <a:pt x="1521" y="131"/>
                </a:cubicBezTo>
                <a:cubicBezTo>
                  <a:pt x="1521" y="124"/>
                  <a:pt x="1515" y="118"/>
                  <a:pt x="1508" y="118"/>
                </a:cubicBezTo>
                <a:cubicBezTo>
                  <a:pt x="1501" y="118"/>
                  <a:pt x="1496" y="124"/>
                  <a:pt x="1496" y="131"/>
                </a:cubicBezTo>
                <a:cubicBezTo>
                  <a:pt x="1496" y="138"/>
                  <a:pt x="1501" y="144"/>
                  <a:pt x="1508" y="144"/>
                </a:cubicBezTo>
                <a:close/>
                <a:moveTo>
                  <a:pt x="1876" y="131"/>
                </a:moveTo>
                <a:cubicBezTo>
                  <a:pt x="1876" y="124"/>
                  <a:pt x="1870" y="118"/>
                  <a:pt x="1863" y="118"/>
                </a:cubicBezTo>
                <a:cubicBezTo>
                  <a:pt x="1856" y="118"/>
                  <a:pt x="1850" y="124"/>
                  <a:pt x="1850" y="131"/>
                </a:cubicBezTo>
                <a:cubicBezTo>
                  <a:pt x="1850" y="138"/>
                  <a:pt x="1856" y="144"/>
                  <a:pt x="1863" y="144"/>
                </a:cubicBezTo>
                <a:cubicBezTo>
                  <a:pt x="1870" y="144"/>
                  <a:pt x="1876" y="138"/>
                  <a:pt x="1876" y="131"/>
                </a:cubicBezTo>
                <a:close/>
                <a:moveTo>
                  <a:pt x="2730" y="144"/>
                </a:moveTo>
                <a:cubicBezTo>
                  <a:pt x="2738" y="144"/>
                  <a:pt x="2743" y="138"/>
                  <a:pt x="2743" y="131"/>
                </a:cubicBezTo>
                <a:cubicBezTo>
                  <a:pt x="2743" y="124"/>
                  <a:pt x="2738" y="118"/>
                  <a:pt x="2730" y="118"/>
                </a:cubicBezTo>
                <a:cubicBezTo>
                  <a:pt x="2723" y="118"/>
                  <a:pt x="2718" y="124"/>
                  <a:pt x="2718" y="131"/>
                </a:cubicBezTo>
                <a:cubicBezTo>
                  <a:pt x="2718" y="138"/>
                  <a:pt x="2723" y="144"/>
                  <a:pt x="2730" y="144"/>
                </a:cubicBezTo>
                <a:close/>
                <a:moveTo>
                  <a:pt x="2770" y="141"/>
                </a:moveTo>
                <a:cubicBezTo>
                  <a:pt x="2775" y="141"/>
                  <a:pt x="2780" y="136"/>
                  <a:pt x="2780" y="131"/>
                </a:cubicBezTo>
                <a:cubicBezTo>
                  <a:pt x="2780" y="125"/>
                  <a:pt x="2775" y="121"/>
                  <a:pt x="2770" y="121"/>
                </a:cubicBezTo>
                <a:cubicBezTo>
                  <a:pt x="2764" y="121"/>
                  <a:pt x="2760" y="125"/>
                  <a:pt x="2760" y="131"/>
                </a:cubicBezTo>
                <a:cubicBezTo>
                  <a:pt x="2760" y="136"/>
                  <a:pt x="2764" y="141"/>
                  <a:pt x="2770" y="141"/>
                </a:cubicBezTo>
                <a:close/>
                <a:moveTo>
                  <a:pt x="523" y="183"/>
                </a:moveTo>
                <a:cubicBezTo>
                  <a:pt x="530" y="183"/>
                  <a:pt x="535" y="177"/>
                  <a:pt x="535" y="170"/>
                </a:cubicBezTo>
                <a:cubicBezTo>
                  <a:pt x="535" y="163"/>
                  <a:pt x="530" y="158"/>
                  <a:pt x="523" y="158"/>
                </a:cubicBezTo>
                <a:cubicBezTo>
                  <a:pt x="516" y="158"/>
                  <a:pt x="510" y="163"/>
                  <a:pt x="510" y="170"/>
                </a:cubicBezTo>
                <a:cubicBezTo>
                  <a:pt x="510" y="177"/>
                  <a:pt x="516" y="183"/>
                  <a:pt x="523" y="183"/>
                </a:cubicBezTo>
                <a:close/>
                <a:moveTo>
                  <a:pt x="602" y="183"/>
                </a:moveTo>
                <a:cubicBezTo>
                  <a:pt x="609" y="183"/>
                  <a:pt x="614" y="177"/>
                  <a:pt x="614" y="170"/>
                </a:cubicBezTo>
                <a:cubicBezTo>
                  <a:pt x="614" y="163"/>
                  <a:pt x="609" y="158"/>
                  <a:pt x="602" y="158"/>
                </a:cubicBezTo>
                <a:cubicBezTo>
                  <a:pt x="595" y="158"/>
                  <a:pt x="589" y="163"/>
                  <a:pt x="589" y="170"/>
                </a:cubicBezTo>
                <a:cubicBezTo>
                  <a:pt x="589" y="177"/>
                  <a:pt x="595" y="183"/>
                  <a:pt x="602" y="183"/>
                </a:cubicBezTo>
                <a:close/>
                <a:moveTo>
                  <a:pt x="641" y="183"/>
                </a:moveTo>
                <a:cubicBezTo>
                  <a:pt x="648" y="183"/>
                  <a:pt x="654" y="177"/>
                  <a:pt x="654" y="170"/>
                </a:cubicBezTo>
                <a:cubicBezTo>
                  <a:pt x="654" y="163"/>
                  <a:pt x="648" y="158"/>
                  <a:pt x="641" y="158"/>
                </a:cubicBezTo>
                <a:cubicBezTo>
                  <a:pt x="634" y="158"/>
                  <a:pt x="628" y="163"/>
                  <a:pt x="628" y="170"/>
                </a:cubicBezTo>
                <a:cubicBezTo>
                  <a:pt x="628" y="177"/>
                  <a:pt x="634" y="183"/>
                  <a:pt x="641" y="183"/>
                </a:cubicBezTo>
                <a:close/>
                <a:moveTo>
                  <a:pt x="680" y="183"/>
                </a:moveTo>
                <a:cubicBezTo>
                  <a:pt x="687" y="183"/>
                  <a:pt x="693" y="177"/>
                  <a:pt x="693" y="170"/>
                </a:cubicBezTo>
                <a:cubicBezTo>
                  <a:pt x="693" y="163"/>
                  <a:pt x="687" y="158"/>
                  <a:pt x="680" y="158"/>
                </a:cubicBezTo>
                <a:cubicBezTo>
                  <a:pt x="673" y="158"/>
                  <a:pt x="668" y="163"/>
                  <a:pt x="668" y="170"/>
                </a:cubicBezTo>
                <a:cubicBezTo>
                  <a:pt x="668" y="177"/>
                  <a:pt x="673" y="183"/>
                  <a:pt x="680" y="183"/>
                </a:cubicBezTo>
                <a:close/>
                <a:moveTo>
                  <a:pt x="720" y="183"/>
                </a:moveTo>
                <a:cubicBezTo>
                  <a:pt x="727" y="183"/>
                  <a:pt x="733" y="177"/>
                  <a:pt x="733" y="170"/>
                </a:cubicBezTo>
                <a:cubicBezTo>
                  <a:pt x="733" y="163"/>
                  <a:pt x="727" y="158"/>
                  <a:pt x="720" y="158"/>
                </a:cubicBezTo>
                <a:cubicBezTo>
                  <a:pt x="713" y="158"/>
                  <a:pt x="707" y="163"/>
                  <a:pt x="707" y="170"/>
                </a:cubicBezTo>
                <a:cubicBezTo>
                  <a:pt x="707" y="177"/>
                  <a:pt x="713" y="183"/>
                  <a:pt x="720" y="183"/>
                </a:cubicBezTo>
                <a:close/>
                <a:moveTo>
                  <a:pt x="799" y="183"/>
                </a:moveTo>
                <a:cubicBezTo>
                  <a:pt x="806" y="183"/>
                  <a:pt x="811" y="177"/>
                  <a:pt x="811" y="170"/>
                </a:cubicBezTo>
                <a:cubicBezTo>
                  <a:pt x="811" y="163"/>
                  <a:pt x="806" y="158"/>
                  <a:pt x="799" y="158"/>
                </a:cubicBezTo>
                <a:cubicBezTo>
                  <a:pt x="792" y="158"/>
                  <a:pt x="786" y="163"/>
                  <a:pt x="786" y="170"/>
                </a:cubicBezTo>
                <a:cubicBezTo>
                  <a:pt x="786" y="177"/>
                  <a:pt x="792" y="183"/>
                  <a:pt x="799" y="183"/>
                </a:cubicBezTo>
                <a:close/>
                <a:moveTo>
                  <a:pt x="838" y="183"/>
                </a:moveTo>
                <a:cubicBezTo>
                  <a:pt x="845" y="183"/>
                  <a:pt x="851" y="177"/>
                  <a:pt x="851" y="170"/>
                </a:cubicBezTo>
                <a:cubicBezTo>
                  <a:pt x="851" y="163"/>
                  <a:pt x="845" y="158"/>
                  <a:pt x="838" y="158"/>
                </a:cubicBezTo>
                <a:cubicBezTo>
                  <a:pt x="831" y="158"/>
                  <a:pt x="825" y="163"/>
                  <a:pt x="825" y="170"/>
                </a:cubicBezTo>
                <a:cubicBezTo>
                  <a:pt x="825" y="177"/>
                  <a:pt x="831" y="183"/>
                  <a:pt x="838" y="183"/>
                </a:cubicBezTo>
                <a:close/>
                <a:moveTo>
                  <a:pt x="890" y="170"/>
                </a:moveTo>
                <a:cubicBezTo>
                  <a:pt x="890" y="163"/>
                  <a:pt x="885" y="158"/>
                  <a:pt x="878" y="158"/>
                </a:cubicBezTo>
                <a:cubicBezTo>
                  <a:pt x="871" y="158"/>
                  <a:pt x="865" y="163"/>
                  <a:pt x="865" y="170"/>
                </a:cubicBezTo>
                <a:cubicBezTo>
                  <a:pt x="865" y="177"/>
                  <a:pt x="871" y="183"/>
                  <a:pt x="878" y="183"/>
                </a:cubicBezTo>
                <a:cubicBezTo>
                  <a:pt x="885" y="183"/>
                  <a:pt x="890" y="177"/>
                  <a:pt x="890" y="170"/>
                </a:cubicBezTo>
                <a:close/>
                <a:moveTo>
                  <a:pt x="1114" y="183"/>
                </a:moveTo>
                <a:cubicBezTo>
                  <a:pt x="1121" y="183"/>
                  <a:pt x="1127" y="177"/>
                  <a:pt x="1127" y="170"/>
                </a:cubicBezTo>
                <a:cubicBezTo>
                  <a:pt x="1127" y="163"/>
                  <a:pt x="1121" y="158"/>
                  <a:pt x="1114" y="158"/>
                </a:cubicBezTo>
                <a:cubicBezTo>
                  <a:pt x="1107" y="158"/>
                  <a:pt x="1101" y="163"/>
                  <a:pt x="1101" y="170"/>
                </a:cubicBezTo>
                <a:cubicBezTo>
                  <a:pt x="1101" y="177"/>
                  <a:pt x="1107" y="183"/>
                  <a:pt x="1114" y="183"/>
                </a:cubicBezTo>
                <a:close/>
                <a:moveTo>
                  <a:pt x="1153" y="183"/>
                </a:moveTo>
                <a:cubicBezTo>
                  <a:pt x="1161" y="183"/>
                  <a:pt x="1166" y="177"/>
                  <a:pt x="1166" y="170"/>
                </a:cubicBezTo>
                <a:cubicBezTo>
                  <a:pt x="1166" y="163"/>
                  <a:pt x="1161" y="158"/>
                  <a:pt x="1153" y="158"/>
                </a:cubicBezTo>
                <a:cubicBezTo>
                  <a:pt x="1146" y="158"/>
                  <a:pt x="1141" y="163"/>
                  <a:pt x="1141" y="170"/>
                </a:cubicBezTo>
                <a:cubicBezTo>
                  <a:pt x="1141" y="177"/>
                  <a:pt x="1146" y="183"/>
                  <a:pt x="1153" y="183"/>
                </a:cubicBezTo>
                <a:close/>
                <a:moveTo>
                  <a:pt x="1193" y="183"/>
                </a:moveTo>
                <a:cubicBezTo>
                  <a:pt x="1200" y="183"/>
                  <a:pt x="1206" y="177"/>
                  <a:pt x="1206" y="170"/>
                </a:cubicBezTo>
                <a:cubicBezTo>
                  <a:pt x="1206" y="163"/>
                  <a:pt x="1200" y="158"/>
                  <a:pt x="1193" y="158"/>
                </a:cubicBezTo>
                <a:cubicBezTo>
                  <a:pt x="1186" y="158"/>
                  <a:pt x="1180" y="163"/>
                  <a:pt x="1180" y="170"/>
                </a:cubicBezTo>
                <a:cubicBezTo>
                  <a:pt x="1180" y="177"/>
                  <a:pt x="1186" y="183"/>
                  <a:pt x="1193" y="183"/>
                </a:cubicBezTo>
                <a:close/>
                <a:moveTo>
                  <a:pt x="1232" y="183"/>
                </a:moveTo>
                <a:cubicBezTo>
                  <a:pt x="1239" y="183"/>
                  <a:pt x="1245" y="177"/>
                  <a:pt x="1245" y="170"/>
                </a:cubicBezTo>
                <a:cubicBezTo>
                  <a:pt x="1245" y="163"/>
                  <a:pt x="1239" y="158"/>
                  <a:pt x="1232" y="158"/>
                </a:cubicBezTo>
                <a:cubicBezTo>
                  <a:pt x="1225" y="158"/>
                  <a:pt x="1220" y="163"/>
                  <a:pt x="1220" y="170"/>
                </a:cubicBezTo>
                <a:cubicBezTo>
                  <a:pt x="1220" y="177"/>
                  <a:pt x="1225" y="183"/>
                  <a:pt x="1232" y="183"/>
                </a:cubicBezTo>
                <a:close/>
                <a:moveTo>
                  <a:pt x="1272" y="183"/>
                </a:moveTo>
                <a:cubicBezTo>
                  <a:pt x="1279" y="183"/>
                  <a:pt x="1285" y="177"/>
                  <a:pt x="1285" y="170"/>
                </a:cubicBezTo>
                <a:cubicBezTo>
                  <a:pt x="1285" y="163"/>
                  <a:pt x="1279" y="158"/>
                  <a:pt x="1272" y="158"/>
                </a:cubicBezTo>
                <a:cubicBezTo>
                  <a:pt x="1265" y="158"/>
                  <a:pt x="1259" y="163"/>
                  <a:pt x="1259" y="170"/>
                </a:cubicBezTo>
                <a:cubicBezTo>
                  <a:pt x="1259" y="177"/>
                  <a:pt x="1265" y="183"/>
                  <a:pt x="1272" y="183"/>
                </a:cubicBezTo>
                <a:close/>
                <a:moveTo>
                  <a:pt x="1311" y="183"/>
                </a:moveTo>
                <a:cubicBezTo>
                  <a:pt x="1318" y="183"/>
                  <a:pt x="1324" y="177"/>
                  <a:pt x="1324" y="170"/>
                </a:cubicBezTo>
                <a:cubicBezTo>
                  <a:pt x="1324" y="163"/>
                  <a:pt x="1318" y="158"/>
                  <a:pt x="1311" y="158"/>
                </a:cubicBezTo>
                <a:cubicBezTo>
                  <a:pt x="1304" y="158"/>
                  <a:pt x="1298" y="163"/>
                  <a:pt x="1298" y="170"/>
                </a:cubicBezTo>
                <a:cubicBezTo>
                  <a:pt x="1298" y="177"/>
                  <a:pt x="1304" y="183"/>
                  <a:pt x="1311" y="183"/>
                </a:cubicBezTo>
                <a:close/>
                <a:moveTo>
                  <a:pt x="1351" y="183"/>
                </a:moveTo>
                <a:cubicBezTo>
                  <a:pt x="1358" y="183"/>
                  <a:pt x="1363" y="177"/>
                  <a:pt x="1363" y="170"/>
                </a:cubicBezTo>
                <a:cubicBezTo>
                  <a:pt x="1363" y="163"/>
                  <a:pt x="1358" y="158"/>
                  <a:pt x="1351" y="158"/>
                </a:cubicBezTo>
                <a:cubicBezTo>
                  <a:pt x="1344" y="158"/>
                  <a:pt x="1338" y="163"/>
                  <a:pt x="1338" y="170"/>
                </a:cubicBezTo>
                <a:cubicBezTo>
                  <a:pt x="1338" y="177"/>
                  <a:pt x="1344" y="183"/>
                  <a:pt x="1351" y="183"/>
                </a:cubicBezTo>
                <a:close/>
                <a:moveTo>
                  <a:pt x="1390" y="183"/>
                </a:moveTo>
                <a:cubicBezTo>
                  <a:pt x="1397" y="183"/>
                  <a:pt x="1403" y="177"/>
                  <a:pt x="1403" y="170"/>
                </a:cubicBezTo>
                <a:cubicBezTo>
                  <a:pt x="1403" y="163"/>
                  <a:pt x="1397" y="158"/>
                  <a:pt x="1390" y="158"/>
                </a:cubicBezTo>
                <a:cubicBezTo>
                  <a:pt x="1383" y="158"/>
                  <a:pt x="1377" y="163"/>
                  <a:pt x="1377" y="170"/>
                </a:cubicBezTo>
                <a:cubicBezTo>
                  <a:pt x="1377" y="177"/>
                  <a:pt x="1383" y="183"/>
                  <a:pt x="1390" y="183"/>
                </a:cubicBezTo>
                <a:close/>
                <a:moveTo>
                  <a:pt x="1429" y="183"/>
                </a:moveTo>
                <a:cubicBezTo>
                  <a:pt x="1437" y="183"/>
                  <a:pt x="1442" y="177"/>
                  <a:pt x="1442" y="170"/>
                </a:cubicBezTo>
                <a:cubicBezTo>
                  <a:pt x="1442" y="163"/>
                  <a:pt x="1437" y="158"/>
                  <a:pt x="1429" y="158"/>
                </a:cubicBezTo>
                <a:cubicBezTo>
                  <a:pt x="1422" y="158"/>
                  <a:pt x="1417" y="163"/>
                  <a:pt x="1417" y="170"/>
                </a:cubicBezTo>
                <a:cubicBezTo>
                  <a:pt x="1417" y="177"/>
                  <a:pt x="1422" y="183"/>
                  <a:pt x="1429" y="183"/>
                </a:cubicBezTo>
                <a:close/>
                <a:moveTo>
                  <a:pt x="1469" y="183"/>
                </a:moveTo>
                <a:cubicBezTo>
                  <a:pt x="1476" y="183"/>
                  <a:pt x="1482" y="177"/>
                  <a:pt x="1482" y="170"/>
                </a:cubicBezTo>
                <a:cubicBezTo>
                  <a:pt x="1482" y="163"/>
                  <a:pt x="1476" y="158"/>
                  <a:pt x="1469" y="158"/>
                </a:cubicBezTo>
                <a:cubicBezTo>
                  <a:pt x="1462" y="158"/>
                  <a:pt x="1456" y="163"/>
                  <a:pt x="1456" y="170"/>
                </a:cubicBezTo>
                <a:cubicBezTo>
                  <a:pt x="1456" y="177"/>
                  <a:pt x="1462" y="183"/>
                  <a:pt x="1469" y="183"/>
                </a:cubicBezTo>
                <a:close/>
                <a:moveTo>
                  <a:pt x="1508" y="158"/>
                </a:moveTo>
                <a:cubicBezTo>
                  <a:pt x="1501" y="158"/>
                  <a:pt x="1496" y="163"/>
                  <a:pt x="1496" y="170"/>
                </a:cubicBezTo>
                <a:cubicBezTo>
                  <a:pt x="1496" y="177"/>
                  <a:pt x="1501" y="183"/>
                  <a:pt x="1508" y="183"/>
                </a:cubicBezTo>
                <a:cubicBezTo>
                  <a:pt x="1515" y="183"/>
                  <a:pt x="1521" y="177"/>
                  <a:pt x="1521" y="170"/>
                </a:cubicBezTo>
                <a:cubicBezTo>
                  <a:pt x="1521" y="163"/>
                  <a:pt x="1515" y="158"/>
                  <a:pt x="1508" y="158"/>
                </a:cubicBezTo>
                <a:close/>
                <a:moveTo>
                  <a:pt x="2297" y="183"/>
                </a:moveTo>
                <a:cubicBezTo>
                  <a:pt x="2304" y="183"/>
                  <a:pt x="2310" y="177"/>
                  <a:pt x="2310" y="170"/>
                </a:cubicBezTo>
                <a:cubicBezTo>
                  <a:pt x="2310" y="163"/>
                  <a:pt x="2304" y="158"/>
                  <a:pt x="2297" y="158"/>
                </a:cubicBezTo>
                <a:cubicBezTo>
                  <a:pt x="2290" y="158"/>
                  <a:pt x="2284" y="163"/>
                  <a:pt x="2284" y="170"/>
                </a:cubicBezTo>
                <a:cubicBezTo>
                  <a:pt x="2284" y="177"/>
                  <a:pt x="2290" y="183"/>
                  <a:pt x="2297" y="183"/>
                </a:cubicBezTo>
                <a:close/>
                <a:moveTo>
                  <a:pt x="2612" y="183"/>
                </a:moveTo>
                <a:cubicBezTo>
                  <a:pt x="2619" y="183"/>
                  <a:pt x="2625" y="177"/>
                  <a:pt x="2625" y="170"/>
                </a:cubicBezTo>
                <a:cubicBezTo>
                  <a:pt x="2625" y="163"/>
                  <a:pt x="2619" y="158"/>
                  <a:pt x="2612" y="158"/>
                </a:cubicBezTo>
                <a:cubicBezTo>
                  <a:pt x="2605" y="158"/>
                  <a:pt x="2599" y="163"/>
                  <a:pt x="2599" y="170"/>
                </a:cubicBezTo>
                <a:cubicBezTo>
                  <a:pt x="2599" y="177"/>
                  <a:pt x="2605" y="183"/>
                  <a:pt x="2612" y="183"/>
                </a:cubicBezTo>
                <a:close/>
                <a:moveTo>
                  <a:pt x="2652" y="158"/>
                </a:moveTo>
                <a:cubicBezTo>
                  <a:pt x="2645" y="158"/>
                  <a:pt x="2639" y="163"/>
                  <a:pt x="2639" y="170"/>
                </a:cubicBezTo>
                <a:cubicBezTo>
                  <a:pt x="2639" y="177"/>
                  <a:pt x="2645" y="183"/>
                  <a:pt x="2652" y="183"/>
                </a:cubicBezTo>
                <a:cubicBezTo>
                  <a:pt x="2659" y="183"/>
                  <a:pt x="2664" y="177"/>
                  <a:pt x="2664" y="170"/>
                </a:cubicBezTo>
                <a:cubicBezTo>
                  <a:pt x="2664" y="163"/>
                  <a:pt x="2659" y="158"/>
                  <a:pt x="2652" y="158"/>
                </a:cubicBezTo>
                <a:close/>
                <a:moveTo>
                  <a:pt x="2691" y="183"/>
                </a:moveTo>
                <a:cubicBezTo>
                  <a:pt x="2698" y="183"/>
                  <a:pt x="2704" y="177"/>
                  <a:pt x="2704" y="170"/>
                </a:cubicBezTo>
                <a:cubicBezTo>
                  <a:pt x="2704" y="163"/>
                  <a:pt x="2698" y="158"/>
                  <a:pt x="2691" y="158"/>
                </a:cubicBezTo>
                <a:cubicBezTo>
                  <a:pt x="2684" y="158"/>
                  <a:pt x="2678" y="163"/>
                  <a:pt x="2678" y="170"/>
                </a:cubicBezTo>
                <a:cubicBezTo>
                  <a:pt x="2678" y="177"/>
                  <a:pt x="2684" y="183"/>
                  <a:pt x="2691" y="183"/>
                </a:cubicBezTo>
                <a:close/>
                <a:moveTo>
                  <a:pt x="2730" y="183"/>
                </a:moveTo>
                <a:cubicBezTo>
                  <a:pt x="2738" y="183"/>
                  <a:pt x="2743" y="177"/>
                  <a:pt x="2743" y="170"/>
                </a:cubicBezTo>
                <a:cubicBezTo>
                  <a:pt x="2743" y="163"/>
                  <a:pt x="2738" y="158"/>
                  <a:pt x="2730" y="158"/>
                </a:cubicBezTo>
                <a:cubicBezTo>
                  <a:pt x="2723" y="158"/>
                  <a:pt x="2718" y="163"/>
                  <a:pt x="2718" y="170"/>
                </a:cubicBezTo>
                <a:cubicBezTo>
                  <a:pt x="2718" y="177"/>
                  <a:pt x="2723" y="183"/>
                  <a:pt x="2730" y="183"/>
                </a:cubicBezTo>
                <a:close/>
                <a:moveTo>
                  <a:pt x="2770" y="183"/>
                </a:moveTo>
                <a:cubicBezTo>
                  <a:pt x="2777" y="183"/>
                  <a:pt x="2783" y="177"/>
                  <a:pt x="2783" y="170"/>
                </a:cubicBezTo>
                <a:cubicBezTo>
                  <a:pt x="2783" y="163"/>
                  <a:pt x="2777" y="158"/>
                  <a:pt x="2770" y="158"/>
                </a:cubicBezTo>
                <a:cubicBezTo>
                  <a:pt x="2763" y="158"/>
                  <a:pt x="2757" y="163"/>
                  <a:pt x="2757" y="170"/>
                </a:cubicBezTo>
                <a:cubicBezTo>
                  <a:pt x="2757" y="177"/>
                  <a:pt x="2763" y="183"/>
                  <a:pt x="2770" y="183"/>
                </a:cubicBezTo>
                <a:close/>
                <a:moveTo>
                  <a:pt x="2809" y="183"/>
                </a:moveTo>
                <a:cubicBezTo>
                  <a:pt x="2816" y="183"/>
                  <a:pt x="2822" y="177"/>
                  <a:pt x="2822" y="170"/>
                </a:cubicBezTo>
                <a:cubicBezTo>
                  <a:pt x="2822" y="163"/>
                  <a:pt x="2816" y="158"/>
                  <a:pt x="2809" y="158"/>
                </a:cubicBezTo>
                <a:cubicBezTo>
                  <a:pt x="2802" y="158"/>
                  <a:pt x="2797" y="163"/>
                  <a:pt x="2797" y="170"/>
                </a:cubicBezTo>
                <a:cubicBezTo>
                  <a:pt x="2797" y="177"/>
                  <a:pt x="2802" y="183"/>
                  <a:pt x="2809" y="183"/>
                </a:cubicBezTo>
                <a:close/>
                <a:moveTo>
                  <a:pt x="3125" y="183"/>
                </a:moveTo>
                <a:cubicBezTo>
                  <a:pt x="3132" y="183"/>
                  <a:pt x="3137" y="177"/>
                  <a:pt x="3137" y="170"/>
                </a:cubicBezTo>
                <a:cubicBezTo>
                  <a:pt x="3137" y="163"/>
                  <a:pt x="3132" y="158"/>
                  <a:pt x="3125" y="158"/>
                </a:cubicBezTo>
                <a:cubicBezTo>
                  <a:pt x="3118" y="158"/>
                  <a:pt x="3112" y="163"/>
                  <a:pt x="3112" y="170"/>
                </a:cubicBezTo>
                <a:cubicBezTo>
                  <a:pt x="3112" y="177"/>
                  <a:pt x="3118" y="183"/>
                  <a:pt x="3125" y="183"/>
                </a:cubicBezTo>
                <a:close/>
                <a:moveTo>
                  <a:pt x="3204" y="183"/>
                </a:moveTo>
                <a:cubicBezTo>
                  <a:pt x="3211" y="183"/>
                  <a:pt x="3216" y="177"/>
                  <a:pt x="3216" y="170"/>
                </a:cubicBezTo>
                <a:cubicBezTo>
                  <a:pt x="3216" y="163"/>
                  <a:pt x="3211" y="158"/>
                  <a:pt x="3204" y="158"/>
                </a:cubicBezTo>
                <a:cubicBezTo>
                  <a:pt x="3197" y="158"/>
                  <a:pt x="3191" y="163"/>
                  <a:pt x="3191" y="170"/>
                </a:cubicBezTo>
                <a:cubicBezTo>
                  <a:pt x="3191" y="177"/>
                  <a:pt x="3197" y="183"/>
                  <a:pt x="3204" y="183"/>
                </a:cubicBezTo>
                <a:close/>
                <a:moveTo>
                  <a:pt x="444" y="223"/>
                </a:moveTo>
                <a:cubicBezTo>
                  <a:pt x="451" y="223"/>
                  <a:pt x="457" y="217"/>
                  <a:pt x="457" y="210"/>
                </a:cubicBezTo>
                <a:cubicBezTo>
                  <a:pt x="457" y="203"/>
                  <a:pt x="451" y="197"/>
                  <a:pt x="444" y="197"/>
                </a:cubicBezTo>
                <a:cubicBezTo>
                  <a:pt x="437" y="197"/>
                  <a:pt x="431" y="203"/>
                  <a:pt x="431" y="210"/>
                </a:cubicBezTo>
                <a:cubicBezTo>
                  <a:pt x="431" y="217"/>
                  <a:pt x="437" y="223"/>
                  <a:pt x="444" y="223"/>
                </a:cubicBezTo>
                <a:close/>
                <a:moveTo>
                  <a:pt x="483" y="223"/>
                </a:moveTo>
                <a:cubicBezTo>
                  <a:pt x="490" y="223"/>
                  <a:pt x="496" y="217"/>
                  <a:pt x="496" y="210"/>
                </a:cubicBezTo>
                <a:cubicBezTo>
                  <a:pt x="496" y="203"/>
                  <a:pt x="490" y="197"/>
                  <a:pt x="483" y="197"/>
                </a:cubicBezTo>
                <a:cubicBezTo>
                  <a:pt x="476" y="197"/>
                  <a:pt x="471" y="203"/>
                  <a:pt x="471" y="210"/>
                </a:cubicBezTo>
                <a:cubicBezTo>
                  <a:pt x="471" y="217"/>
                  <a:pt x="476" y="223"/>
                  <a:pt x="483" y="223"/>
                </a:cubicBezTo>
                <a:close/>
                <a:moveTo>
                  <a:pt x="523" y="223"/>
                </a:moveTo>
                <a:cubicBezTo>
                  <a:pt x="530" y="223"/>
                  <a:pt x="535" y="217"/>
                  <a:pt x="535" y="210"/>
                </a:cubicBezTo>
                <a:cubicBezTo>
                  <a:pt x="535" y="203"/>
                  <a:pt x="530" y="197"/>
                  <a:pt x="523" y="197"/>
                </a:cubicBezTo>
                <a:cubicBezTo>
                  <a:pt x="516" y="197"/>
                  <a:pt x="510" y="203"/>
                  <a:pt x="510" y="210"/>
                </a:cubicBezTo>
                <a:cubicBezTo>
                  <a:pt x="510" y="217"/>
                  <a:pt x="516" y="223"/>
                  <a:pt x="523" y="223"/>
                </a:cubicBezTo>
                <a:close/>
                <a:moveTo>
                  <a:pt x="602" y="223"/>
                </a:moveTo>
                <a:cubicBezTo>
                  <a:pt x="609" y="223"/>
                  <a:pt x="614" y="217"/>
                  <a:pt x="614" y="210"/>
                </a:cubicBezTo>
                <a:cubicBezTo>
                  <a:pt x="614" y="203"/>
                  <a:pt x="609" y="197"/>
                  <a:pt x="602" y="197"/>
                </a:cubicBezTo>
                <a:cubicBezTo>
                  <a:pt x="595" y="197"/>
                  <a:pt x="589" y="203"/>
                  <a:pt x="589" y="210"/>
                </a:cubicBezTo>
                <a:cubicBezTo>
                  <a:pt x="589" y="217"/>
                  <a:pt x="595" y="223"/>
                  <a:pt x="602" y="223"/>
                </a:cubicBezTo>
                <a:close/>
                <a:moveTo>
                  <a:pt x="680" y="223"/>
                </a:moveTo>
                <a:cubicBezTo>
                  <a:pt x="687" y="223"/>
                  <a:pt x="693" y="217"/>
                  <a:pt x="693" y="210"/>
                </a:cubicBezTo>
                <a:cubicBezTo>
                  <a:pt x="693" y="203"/>
                  <a:pt x="687" y="197"/>
                  <a:pt x="680" y="197"/>
                </a:cubicBezTo>
                <a:cubicBezTo>
                  <a:pt x="673" y="197"/>
                  <a:pt x="668" y="203"/>
                  <a:pt x="668" y="210"/>
                </a:cubicBezTo>
                <a:cubicBezTo>
                  <a:pt x="668" y="217"/>
                  <a:pt x="673" y="223"/>
                  <a:pt x="680" y="223"/>
                </a:cubicBezTo>
                <a:close/>
                <a:moveTo>
                  <a:pt x="747" y="210"/>
                </a:moveTo>
                <a:cubicBezTo>
                  <a:pt x="747" y="217"/>
                  <a:pt x="752" y="223"/>
                  <a:pt x="759" y="223"/>
                </a:cubicBezTo>
                <a:cubicBezTo>
                  <a:pt x="766" y="223"/>
                  <a:pt x="772" y="217"/>
                  <a:pt x="772" y="210"/>
                </a:cubicBezTo>
                <a:cubicBezTo>
                  <a:pt x="772" y="203"/>
                  <a:pt x="766" y="197"/>
                  <a:pt x="759" y="197"/>
                </a:cubicBezTo>
                <a:cubicBezTo>
                  <a:pt x="752" y="197"/>
                  <a:pt x="747" y="203"/>
                  <a:pt x="747" y="210"/>
                </a:cubicBezTo>
                <a:close/>
                <a:moveTo>
                  <a:pt x="799" y="223"/>
                </a:moveTo>
                <a:cubicBezTo>
                  <a:pt x="806" y="223"/>
                  <a:pt x="811" y="217"/>
                  <a:pt x="811" y="210"/>
                </a:cubicBezTo>
                <a:cubicBezTo>
                  <a:pt x="811" y="203"/>
                  <a:pt x="806" y="197"/>
                  <a:pt x="799" y="197"/>
                </a:cubicBezTo>
                <a:cubicBezTo>
                  <a:pt x="792" y="197"/>
                  <a:pt x="786" y="203"/>
                  <a:pt x="786" y="210"/>
                </a:cubicBezTo>
                <a:cubicBezTo>
                  <a:pt x="786" y="217"/>
                  <a:pt x="792" y="223"/>
                  <a:pt x="799" y="223"/>
                </a:cubicBezTo>
                <a:close/>
                <a:moveTo>
                  <a:pt x="838" y="223"/>
                </a:moveTo>
                <a:cubicBezTo>
                  <a:pt x="845" y="223"/>
                  <a:pt x="851" y="217"/>
                  <a:pt x="851" y="210"/>
                </a:cubicBezTo>
                <a:cubicBezTo>
                  <a:pt x="851" y="203"/>
                  <a:pt x="845" y="197"/>
                  <a:pt x="838" y="197"/>
                </a:cubicBezTo>
                <a:cubicBezTo>
                  <a:pt x="831" y="197"/>
                  <a:pt x="825" y="203"/>
                  <a:pt x="825" y="210"/>
                </a:cubicBezTo>
                <a:cubicBezTo>
                  <a:pt x="825" y="217"/>
                  <a:pt x="831" y="223"/>
                  <a:pt x="838" y="223"/>
                </a:cubicBezTo>
                <a:close/>
                <a:moveTo>
                  <a:pt x="917" y="197"/>
                </a:moveTo>
                <a:cubicBezTo>
                  <a:pt x="910" y="197"/>
                  <a:pt x="904" y="203"/>
                  <a:pt x="904" y="210"/>
                </a:cubicBezTo>
                <a:cubicBezTo>
                  <a:pt x="904" y="217"/>
                  <a:pt x="910" y="222"/>
                  <a:pt x="917" y="222"/>
                </a:cubicBezTo>
                <a:cubicBezTo>
                  <a:pt x="924" y="222"/>
                  <a:pt x="930" y="217"/>
                  <a:pt x="930" y="210"/>
                </a:cubicBezTo>
                <a:cubicBezTo>
                  <a:pt x="930" y="203"/>
                  <a:pt x="924" y="197"/>
                  <a:pt x="917" y="197"/>
                </a:cubicBezTo>
                <a:close/>
                <a:moveTo>
                  <a:pt x="1153" y="223"/>
                </a:moveTo>
                <a:cubicBezTo>
                  <a:pt x="1161" y="223"/>
                  <a:pt x="1166" y="217"/>
                  <a:pt x="1166" y="210"/>
                </a:cubicBezTo>
                <a:cubicBezTo>
                  <a:pt x="1166" y="203"/>
                  <a:pt x="1161" y="197"/>
                  <a:pt x="1153" y="197"/>
                </a:cubicBezTo>
                <a:cubicBezTo>
                  <a:pt x="1146" y="197"/>
                  <a:pt x="1141" y="203"/>
                  <a:pt x="1141" y="210"/>
                </a:cubicBezTo>
                <a:cubicBezTo>
                  <a:pt x="1141" y="217"/>
                  <a:pt x="1146" y="223"/>
                  <a:pt x="1153" y="223"/>
                </a:cubicBezTo>
                <a:close/>
                <a:moveTo>
                  <a:pt x="1193" y="223"/>
                </a:moveTo>
                <a:cubicBezTo>
                  <a:pt x="1200" y="223"/>
                  <a:pt x="1206" y="217"/>
                  <a:pt x="1206" y="210"/>
                </a:cubicBezTo>
                <a:cubicBezTo>
                  <a:pt x="1206" y="203"/>
                  <a:pt x="1200" y="197"/>
                  <a:pt x="1193" y="197"/>
                </a:cubicBezTo>
                <a:cubicBezTo>
                  <a:pt x="1186" y="197"/>
                  <a:pt x="1180" y="203"/>
                  <a:pt x="1180" y="210"/>
                </a:cubicBezTo>
                <a:cubicBezTo>
                  <a:pt x="1180" y="217"/>
                  <a:pt x="1186" y="223"/>
                  <a:pt x="1193" y="223"/>
                </a:cubicBezTo>
                <a:close/>
                <a:moveTo>
                  <a:pt x="1232" y="223"/>
                </a:moveTo>
                <a:cubicBezTo>
                  <a:pt x="1239" y="223"/>
                  <a:pt x="1245" y="217"/>
                  <a:pt x="1245" y="210"/>
                </a:cubicBezTo>
                <a:cubicBezTo>
                  <a:pt x="1245" y="203"/>
                  <a:pt x="1239" y="197"/>
                  <a:pt x="1232" y="197"/>
                </a:cubicBezTo>
                <a:cubicBezTo>
                  <a:pt x="1225" y="197"/>
                  <a:pt x="1220" y="203"/>
                  <a:pt x="1220" y="210"/>
                </a:cubicBezTo>
                <a:cubicBezTo>
                  <a:pt x="1220" y="217"/>
                  <a:pt x="1225" y="223"/>
                  <a:pt x="1232" y="223"/>
                </a:cubicBezTo>
                <a:close/>
                <a:moveTo>
                  <a:pt x="1272" y="223"/>
                </a:moveTo>
                <a:cubicBezTo>
                  <a:pt x="1279" y="223"/>
                  <a:pt x="1285" y="217"/>
                  <a:pt x="1285" y="210"/>
                </a:cubicBezTo>
                <a:cubicBezTo>
                  <a:pt x="1285" y="203"/>
                  <a:pt x="1279" y="197"/>
                  <a:pt x="1272" y="197"/>
                </a:cubicBezTo>
                <a:cubicBezTo>
                  <a:pt x="1265" y="197"/>
                  <a:pt x="1259" y="203"/>
                  <a:pt x="1259" y="210"/>
                </a:cubicBezTo>
                <a:cubicBezTo>
                  <a:pt x="1259" y="217"/>
                  <a:pt x="1265" y="223"/>
                  <a:pt x="1272" y="223"/>
                </a:cubicBezTo>
                <a:close/>
                <a:moveTo>
                  <a:pt x="1311" y="223"/>
                </a:moveTo>
                <a:cubicBezTo>
                  <a:pt x="1318" y="223"/>
                  <a:pt x="1324" y="217"/>
                  <a:pt x="1324" y="210"/>
                </a:cubicBezTo>
                <a:cubicBezTo>
                  <a:pt x="1324" y="203"/>
                  <a:pt x="1318" y="197"/>
                  <a:pt x="1311" y="197"/>
                </a:cubicBezTo>
                <a:cubicBezTo>
                  <a:pt x="1304" y="197"/>
                  <a:pt x="1298" y="203"/>
                  <a:pt x="1298" y="210"/>
                </a:cubicBezTo>
                <a:cubicBezTo>
                  <a:pt x="1298" y="217"/>
                  <a:pt x="1304" y="223"/>
                  <a:pt x="1311" y="223"/>
                </a:cubicBezTo>
                <a:close/>
                <a:moveTo>
                  <a:pt x="1351" y="223"/>
                </a:moveTo>
                <a:cubicBezTo>
                  <a:pt x="1358" y="223"/>
                  <a:pt x="1363" y="217"/>
                  <a:pt x="1363" y="210"/>
                </a:cubicBezTo>
                <a:cubicBezTo>
                  <a:pt x="1363" y="203"/>
                  <a:pt x="1358" y="197"/>
                  <a:pt x="1351" y="197"/>
                </a:cubicBezTo>
                <a:cubicBezTo>
                  <a:pt x="1344" y="197"/>
                  <a:pt x="1338" y="203"/>
                  <a:pt x="1338" y="210"/>
                </a:cubicBezTo>
                <a:cubicBezTo>
                  <a:pt x="1338" y="217"/>
                  <a:pt x="1344" y="223"/>
                  <a:pt x="1351" y="223"/>
                </a:cubicBezTo>
                <a:close/>
                <a:moveTo>
                  <a:pt x="1390" y="223"/>
                </a:moveTo>
                <a:cubicBezTo>
                  <a:pt x="1397" y="223"/>
                  <a:pt x="1403" y="217"/>
                  <a:pt x="1403" y="210"/>
                </a:cubicBezTo>
                <a:cubicBezTo>
                  <a:pt x="1403" y="203"/>
                  <a:pt x="1397" y="197"/>
                  <a:pt x="1390" y="197"/>
                </a:cubicBezTo>
                <a:cubicBezTo>
                  <a:pt x="1383" y="197"/>
                  <a:pt x="1377" y="203"/>
                  <a:pt x="1377" y="210"/>
                </a:cubicBezTo>
                <a:cubicBezTo>
                  <a:pt x="1377" y="217"/>
                  <a:pt x="1383" y="223"/>
                  <a:pt x="1390" y="223"/>
                </a:cubicBezTo>
                <a:close/>
                <a:moveTo>
                  <a:pt x="1429" y="223"/>
                </a:moveTo>
                <a:cubicBezTo>
                  <a:pt x="1437" y="223"/>
                  <a:pt x="1442" y="217"/>
                  <a:pt x="1442" y="210"/>
                </a:cubicBezTo>
                <a:cubicBezTo>
                  <a:pt x="1442" y="203"/>
                  <a:pt x="1437" y="197"/>
                  <a:pt x="1429" y="197"/>
                </a:cubicBezTo>
                <a:cubicBezTo>
                  <a:pt x="1422" y="197"/>
                  <a:pt x="1417" y="203"/>
                  <a:pt x="1417" y="210"/>
                </a:cubicBezTo>
                <a:cubicBezTo>
                  <a:pt x="1417" y="217"/>
                  <a:pt x="1422" y="223"/>
                  <a:pt x="1429" y="223"/>
                </a:cubicBezTo>
                <a:close/>
                <a:moveTo>
                  <a:pt x="2257" y="223"/>
                </a:moveTo>
                <a:cubicBezTo>
                  <a:pt x="2264" y="223"/>
                  <a:pt x="2270" y="217"/>
                  <a:pt x="2270" y="210"/>
                </a:cubicBezTo>
                <a:cubicBezTo>
                  <a:pt x="2270" y="203"/>
                  <a:pt x="2264" y="197"/>
                  <a:pt x="2257" y="197"/>
                </a:cubicBezTo>
                <a:cubicBezTo>
                  <a:pt x="2250" y="197"/>
                  <a:pt x="2245" y="203"/>
                  <a:pt x="2245" y="210"/>
                </a:cubicBezTo>
                <a:cubicBezTo>
                  <a:pt x="2245" y="217"/>
                  <a:pt x="2250" y="223"/>
                  <a:pt x="2257" y="223"/>
                </a:cubicBezTo>
                <a:close/>
                <a:moveTo>
                  <a:pt x="2415" y="223"/>
                </a:moveTo>
                <a:cubicBezTo>
                  <a:pt x="2422" y="223"/>
                  <a:pt x="2428" y="217"/>
                  <a:pt x="2428" y="210"/>
                </a:cubicBezTo>
                <a:cubicBezTo>
                  <a:pt x="2428" y="203"/>
                  <a:pt x="2422" y="197"/>
                  <a:pt x="2415" y="197"/>
                </a:cubicBezTo>
                <a:cubicBezTo>
                  <a:pt x="2408" y="197"/>
                  <a:pt x="2402" y="203"/>
                  <a:pt x="2402" y="210"/>
                </a:cubicBezTo>
                <a:cubicBezTo>
                  <a:pt x="2402" y="217"/>
                  <a:pt x="2408" y="223"/>
                  <a:pt x="2415" y="223"/>
                </a:cubicBezTo>
                <a:close/>
                <a:moveTo>
                  <a:pt x="2454" y="218"/>
                </a:moveTo>
                <a:cubicBezTo>
                  <a:pt x="2459" y="218"/>
                  <a:pt x="2462" y="214"/>
                  <a:pt x="2462" y="210"/>
                </a:cubicBezTo>
                <a:cubicBezTo>
                  <a:pt x="2462" y="205"/>
                  <a:pt x="2459" y="202"/>
                  <a:pt x="2454" y="202"/>
                </a:cubicBezTo>
                <a:cubicBezTo>
                  <a:pt x="2450" y="202"/>
                  <a:pt x="2447" y="205"/>
                  <a:pt x="2447" y="210"/>
                </a:cubicBezTo>
                <a:cubicBezTo>
                  <a:pt x="2447" y="214"/>
                  <a:pt x="2450" y="218"/>
                  <a:pt x="2454" y="218"/>
                </a:cubicBezTo>
                <a:close/>
                <a:moveTo>
                  <a:pt x="2533" y="223"/>
                </a:moveTo>
                <a:cubicBezTo>
                  <a:pt x="2540" y="223"/>
                  <a:pt x="2546" y="217"/>
                  <a:pt x="2546" y="210"/>
                </a:cubicBezTo>
                <a:cubicBezTo>
                  <a:pt x="2546" y="203"/>
                  <a:pt x="2540" y="197"/>
                  <a:pt x="2533" y="197"/>
                </a:cubicBezTo>
                <a:cubicBezTo>
                  <a:pt x="2526" y="197"/>
                  <a:pt x="2521" y="203"/>
                  <a:pt x="2521" y="210"/>
                </a:cubicBezTo>
                <a:cubicBezTo>
                  <a:pt x="2521" y="217"/>
                  <a:pt x="2526" y="223"/>
                  <a:pt x="2533" y="223"/>
                </a:cubicBezTo>
                <a:close/>
                <a:moveTo>
                  <a:pt x="2573" y="223"/>
                </a:moveTo>
                <a:cubicBezTo>
                  <a:pt x="2580" y="223"/>
                  <a:pt x="2586" y="217"/>
                  <a:pt x="2586" y="210"/>
                </a:cubicBezTo>
                <a:cubicBezTo>
                  <a:pt x="2586" y="203"/>
                  <a:pt x="2580" y="197"/>
                  <a:pt x="2573" y="197"/>
                </a:cubicBezTo>
                <a:cubicBezTo>
                  <a:pt x="2566" y="197"/>
                  <a:pt x="2560" y="203"/>
                  <a:pt x="2560" y="210"/>
                </a:cubicBezTo>
                <a:cubicBezTo>
                  <a:pt x="2560" y="217"/>
                  <a:pt x="2566" y="223"/>
                  <a:pt x="2573" y="223"/>
                </a:cubicBezTo>
                <a:close/>
                <a:moveTo>
                  <a:pt x="2612" y="223"/>
                </a:moveTo>
                <a:cubicBezTo>
                  <a:pt x="2619" y="223"/>
                  <a:pt x="2625" y="217"/>
                  <a:pt x="2625" y="210"/>
                </a:cubicBezTo>
                <a:cubicBezTo>
                  <a:pt x="2625" y="203"/>
                  <a:pt x="2619" y="197"/>
                  <a:pt x="2612" y="197"/>
                </a:cubicBezTo>
                <a:cubicBezTo>
                  <a:pt x="2605" y="197"/>
                  <a:pt x="2599" y="203"/>
                  <a:pt x="2599" y="210"/>
                </a:cubicBezTo>
                <a:cubicBezTo>
                  <a:pt x="2599" y="217"/>
                  <a:pt x="2605" y="223"/>
                  <a:pt x="2612" y="223"/>
                </a:cubicBezTo>
                <a:close/>
                <a:moveTo>
                  <a:pt x="2639" y="210"/>
                </a:moveTo>
                <a:cubicBezTo>
                  <a:pt x="2639" y="217"/>
                  <a:pt x="2645" y="223"/>
                  <a:pt x="2652" y="223"/>
                </a:cubicBezTo>
                <a:cubicBezTo>
                  <a:pt x="2659" y="223"/>
                  <a:pt x="2664" y="217"/>
                  <a:pt x="2664" y="210"/>
                </a:cubicBezTo>
                <a:cubicBezTo>
                  <a:pt x="2664" y="203"/>
                  <a:pt x="2659" y="197"/>
                  <a:pt x="2652" y="197"/>
                </a:cubicBezTo>
                <a:cubicBezTo>
                  <a:pt x="2645" y="197"/>
                  <a:pt x="2639" y="203"/>
                  <a:pt x="2639" y="210"/>
                </a:cubicBezTo>
                <a:close/>
                <a:moveTo>
                  <a:pt x="2691" y="197"/>
                </a:moveTo>
                <a:cubicBezTo>
                  <a:pt x="2684" y="197"/>
                  <a:pt x="2678" y="203"/>
                  <a:pt x="2678" y="210"/>
                </a:cubicBezTo>
                <a:cubicBezTo>
                  <a:pt x="2678" y="217"/>
                  <a:pt x="2684" y="223"/>
                  <a:pt x="2691" y="223"/>
                </a:cubicBezTo>
                <a:cubicBezTo>
                  <a:pt x="2698" y="223"/>
                  <a:pt x="2704" y="217"/>
                  <a:pt x="2704" y="210"/>
                </a:cubicBezTo>
                <a:cubicBezTo>
                  <a:pt x="2704" y="203"/>
                  <a:pt x="2698" y="197"/>
                  <a:pt x="2691" y="197"/>
                </a:cubicBezTo>
                <a:close/>
                <a:moveTo>
                  <a:pt x="2718" y="210"/>
                </a:moveTo>
                <a:cubicBezTo>
                  <a:pt x="2718" y="217"/>
                  <a:pt x="2723" y="223"/>
                  <a:pt x="2730" y="223"/>
                </a:cubicBezTo>
                <a:cubicBezTo>
                  <a:pt x="2738" y="223"/>
                  <a:pt x="2743" y="217"/>
                  <a:pt x="2743" y="210"/>
                </a:cubicBezTo>
                <a:cubicBezTo>
                  <a:pt x="2743" y="203"/>
                  <a:pt x="2738" y="197"/>
                  <a:pt x="2730" y="197"/>
                </a:cubicBezTo>
                <a:cubicBezTo>
                  <a:pt x="2723" y="197"/>
                  <a:pt x="2718" y="203"/>
                  <a:pt x="2718" y="210"/>
                </a:cubicBezTo>
                <a:close/>
                <a:moveTo>
                  <a:pt x="2809" y="197"/>
                </a:moveTo>
                <a:cubicBezTo>
                  <a:pt x="2802" y="197"/>
                  <a:pt x="2797" y="203"/>
                  <a:pt x="2797" y="210"/>
                </a:cubicBezTo>
                <a:cubicBezTo>
                  <a:pt x="2797" y="217"/>
                  <a:pt x="2802" y="223"/>
                  <a:pt x="2809" y="223"/>
                </a:cubicBezTo>
                <a:cubicBezTo>
                  <a:pt x="2816" y="223"/>
                  <a:pt x="2822" y="217"/>
                  <a:pt x="2822" y="210"/>
                </a:cubicBezTo>
                <a:cubicBezTo>
                  <a:pt x="2822" y="203"/>
                  <a:pt x="2816" y="197"/>
                  <a:pt x="2809" y="197"/>
                </a:cubicBezTo>
                <a:close/>
                <a:moveTo>
                  <a:pt x="2849" y="223"/>
                </a:moveTo>
                <a:cubicBezTo>
                  <a:pt x="2856" y="223"/>
                  <a:pt x="2861" y="217"/>
                  <a:pt x="2861" y="210"/>
                </a:cubicBezTo>
                <a:cubicBezTo>
                  <a:pt x="2861" y="203"/>
                  <a:pt x="2856" y="197"/>
                  <a:pt x="2849" y="197"/>
                </a:cubicBezTo>
                <a:cubicBezTo>
                  <a:pt x="2842" y="197"/>
                  <a:pt x="2836" y="203"/>
                  <a:pt x="2836" y="210"/>
                </a:cubicBezTo>
                <a:cubicBezTo>
                  <a:pt x="2836" y="217"/>
                  <a:pt x="2842" y="223"/>
                  <a:pt x="2849" y="223"/>
                </a:cubicBezTo>
                <a:close/>
                <a:moveTo>
                  <a:pt x="2888" y="223"/>
                </a:moveTo>
                <a:cubicBezTo>
                  <a:pt x="2895" y="223"/>
                  <a:pt x="2901" y="217"/>
                  <a:pt x="2901" y="210"/>
                </a:cubicBezTo>
                <a:cubicBezTo>
                  <a:pt x="2901" y="203"/>
                  <a:pt x="2895" y="197"/>
                  <a:pt x="2888" y="197"/>
                </a:cubicBezTo>
                <a:cubicBezTo>
                  <a:pt x="2881" y="197"/>
                  <a:pt x="2875" y="203"/>
                  <a:pt x="2875" y="210"/>
                </a:cubicBezTo>
                <a:cubicBezTo>
                  <a:pt x="2875" y="217"/>
                  <a:pt x="2881" y="223"/>
                  <a:pt x="2888" y="223"/>
                </a:cubicBezTo>
                <a:close/>
                <a:moveTo>
                  <a:pt x="2967" y="223"/>
                </a:moveTo>
                <a:cubicBezTo>
                  <a:pt x="2974" y="223"/>
                  <a:pt x="2980" y="217"/>
                  <a:pt x="2980" y="210"/>
                </a:cubicBezTo>
                <a:cubicBezTo>
                  <a:pt x="2980" y="203"/>
                  <a:pt x="2974" y="197"/>
                  <a:pt x="2967" y="197"/>
                </a:cubicBezTo>
                <a:cubicBezTo>
                  <a:pt x="2960" y="197"/>
                  <a:pt x="2954" y="203"/>
                  <a:pt x="2954" y="210"/>
                </a:cubicBezTo>
                <a:cubicBezTo>
                  <a:pt x="2954" y="217"/>
                  <a:pt x="2960" y="223"/>
                  <a:pt x="2967" y="223"/>
                </a:cubicBezTo>
                <a:close/>
                <a:moveTo>
                  <a:pt x="523" y="262"/>
                </a:moveTo>
                <a:cubicBezTo>
                  <a:pt x="530" y="262"/>
                  <a:pt x="535" y="256"/>
                  <a:pt x="535" y="249"/>
                </a:cubicBezTo>
                <a:cubicBezTo>
                  <a:pt x="535" y="242"/>
                  <a:pt x="530" y="236"/>
                  <a:pt x="523" y="236"/>
                </a:cubicBezTo>
                <a:cubicBezTo>
                  <a:pt x="516" y="236"/>
                  <a:pt x="510" y="242"/>
                  <a:pt x="510" y="249"/>
                </a:cubicBezTo>
                <a:cubicBezTo>
                  <a:pt x="510" y="256"/>
                  <a:pt x="516" y="262"/>
                  <a:pt x="523" y="262"/>
                </a:cubicBezTo>
                <a:close/>
                <a:moveTo>
                  <a:pt x="562" y="262"/>
                </a:moveTo>
                <a:cubicBezTo>
                  <a:pt x="569" y="262"/>
                  <a:pt x="575" y="256"/>
                  <a:pt x="575" y="249"/>
                </a:cubicBezTo>
                <a:cubicBezTo>
                  <a:pt x="575" y="242"/>
                  <a:pt x="569" y="236"/>
                  <a:pt x="562" y="236"/>
                </a:cubicBezTo>
                <a:cubicBezTo>
                  <a:pt x="555" y="236"/>
                  <a:pt x="549" y="242"/>
                  <a:pt x="549" y="249"/>
                </a:cubicBezTo>
                <a:cubicBezTo>
                  <a:pt x="549" y="256"/>
                  <a:pt x="555" y="262"/>
                  <a:pt x="562" y="262"/>
                </a:cubicBezTo>
                <a:close/>
                <a:moveTo>
                  <a:pt x="602" y="262"/>
                </a:moveTo>
                <a:cubicBezTo>
                  <a:pt x="609" y="262"/>
                  <a:pt x="614" y="256"/>
                  <a:pt x="614" y="249"/>
                </a:cubicBezTo>
                <a:cubicBezTo>
                  <a:pt x="614" y="242"/>
                  <a:pt x="609" y="236"/>
                  <a:pt x="602" y="236"/>
                </a:cubicBezTo>
                <a:cubicBezTo>
                  <a:pt x="595" y="236"/>
                  <a:pt x="589" y="242"/>
                  <a:pt x="589" y="249"/>
                </a:cubicBezTo>
                <a:cubicBezTo>
                  <a:pt x="589" y="256"/>
                  <a:pt x="595" y="262"/>
                  <a:pt x="602" y="262"/>
                </a:cubicBezTo>
                <a:close/>
                <a:moveTo>
                  <a:pt x="720" y="237"/>
                </a:moveTo>
                <a:cubicBezTo>
                  <a:pt x="713" y="237"/>
                  <a:pt x="707" y="242"/>
                  <a:pt x="707" y="249"/>
                </a:cubicBezTo>
                <a:cubicBezTo>
                  <a:pt x="707" y="256"/>
                  <a:pt x="713" y="262"/>
                  <a:pt x="720" y="262"/>
                </a:cubicBezTo>
                <a:cubicBezTo>
                  <a:pt x="727" y="262"/>
                  <a:pt x="733" y="256"/>
                  <a:pt x="733" y="249"/>
                </a:cubicBezTo>
                <a:cubicBezTo>
                  <a:pt x="733" y="242"/>
                  <a:pt x="727" y="237"/>
                  <a:pt x="720" y="237"/>
                </a:cubicBezTo>
                <a:close/>
                <a:moveTo>
                  <a:pt x="803" y="249"/>
                </a:moveTo>
                <a:cubicBezTo>
                  <a:pt x="803" y="247"/>
                  <a:pt x="801" y="245"/>
                  <a:pt x="799" y="245"/>
                </a:cubicBezTo>
                <a:cubicBezTo>
                  <a:pt x="796" y="245"/>
                  <a:pt x="795" y="247"/>
                  <a:pt x="795" y="249"/>
                </a:cubicBezTo>
                <a:cubicBezTo>
                  <a:pt x="795" y="251"/>
                  <a:pt x="796" y="253"/>
                  <a:pt x="799" y="253"/>
                </a:cubicBezTo>
                <a:cubicBezTo>
                  <a:pt x="801" y="253"/>
                  <a:pt x="803" y="251"/>
                  <a:pt x="803" y="249"/>
                </a:cubicBezTo>
                <a:close/>
                <a:moveTo>
                  <a:pt x="838" y="262"/>
                </a:moveTo>
                <a:cubicBezTo>
                  <a:pt x="845" y="262"/>
                  <a:pt x="851" y="256"/>
                  <a:pt x="851" y="249"/>
                </a:cubicBezTo>
                <a:cubicBezTo>
                  <a:pt x="851" y="242"/>
                  <a:pt x="845" y="236"/>
                  <a:pt x="838" y="236"/>
                </a:cubicBezTo>
                <a:cubicBezTo>
                  <a:pt x="831" y="236"/>
                  <a:pt x="825" y="242"/>
                  <a:pt x="825" y="249"/>
                </a:cubicBezTo>
                <a:cubicBezTo>
                  <a:pt x="825" y="256"/>
                  <a:pt x="831" y="262"/>
                  <a:pt x="838" y="262"/>
                </a:cubicBezTo>
                <a:close/>
                <a:moveTo>
                  <a:pt x="878" y="262"/>
                </a:moveTo>
                <a:cubicBezTo>
                  <a:pt x="885" y="262"/>
                  <a:pt x="890" y="256"/>
                  <a:pt x="890" y="249"/>
                </a:cubicBezTo>
                <a:cubicBezTo>
                  <a:pt x="890" y="242"/>
                  <a:pt x="885" y="236"/>
                  <a:pt x="878" y="236"/>
                </a:cubicBezTo>
                <a:cubicBezTo>
                  <a:pt x="870" y="236"/>
                  <a:pt x="865" y="242"/>
                  <a:pt x="865" y="249"/>
                </a:cubicBezTo>
                <a:cubicBezTo>
                  <a:pt x="865" y="256"/>
                  <a:pt x="870" y="262"/>
                  <a:pt x="878" y="262"/>
                </a:cubicBezTo>
                <a:close/>
                <a:moveTo>
                  <a:pt x="917" y="262"/>
                </a:moveTo>
                <a:cubicBezTo>
                  <a:pt x="924" y="262"/>
                  <a:pt x="930" y="256"/>
                  <a:pt x="930" y="249"/>
                </a:cubicBezTo>
                <a:cubicBezTo>
                  <a:pt x="930" y="242"/>
                  <a:pt x="924" y="236"/>
                  <a:pt x="917" y="236"/>
                </a:cubicBezTo>
                <a:cubicBezTo>
                  <a:pt x="910" y="236"/>
                  <a:pt x="904" y="242"/>
                  <a:pt x="904" y="249"/>
                </a:cubicBezTo>
                <a:cubicBezTo>
                  <a:pt x="904" y="256"/>
                  <a:pt x="910" y="262"/>
                  <a:pt x="917" y="262"/>
                </a:cubicBezTo>
                <a:close/>
                <a:moveTo>
                  <a:pt x="956" y="237"/>
                </a:moveTo>
                <a:cubicBezTo>
                  <a:pt x="949" y="237"/>
                  <a:pt x="944" y="242"/>
                  <a:pt x="944" y="249"/>
                </a:cubicBezTo>
                <a:cubicBezTo>
                  <a:pt x="944" y="256"/>
                  <a:pt x="949" y="262"/>
                  <a:pt x="956" y="262"/>
                </a:cubicBezTo>
                <a:cubicBezTo>
                  <a:pt x="963" y="262"/>
                  <a:pt x="969" y="256"/>
                  <a:pt x="969" y="249"/>
                </a:cubicBezTo>
                <a:cubicBezTo>
                  <a:pt x="969" y="242"/>
                  <a:pt x="963" y="237"/>
                  <a:pt x="956" y="237"/>
                </a:cubicBezTo>
                <a:close/>
                <a:moveTo>
                  <a:pt x="1193" y="262"/>
                </a:moveTo>
                <a:cubicBezTo>
                  <a:pt x="1200" y="262"/>
                  <a:pt x="1206" y="256"/>
                  <a:pt x="1206" y="249"/>
                </a:cubicBezTo>
                <a:cubicBezTo>
                  <a:pt x="1206" y="242"/>
                  <a:pt x="1200" y="236"/>
                  <a:pt x="1193" y="236"/>
                </a:cubicBezTo>
                <a:cubicBezTo>
                  <a:pt x="1186" y="236"/>
                  <a:pt x="1180" y="242"/>
                  <a:pt x="1180" y="249"/>
                </a:cubicBezTo>
                <a:cubicBezTo>
                  <a:pt x="1180" y="256"/>
                  <a:pt x="1186" y="262"/>
                  <a:pt x="1193" y="262"/>
                </a:cubicBezTo>
                <a:close/>
                <a:moveTo>
                  <a:pt x="1232" y="262"/>
                </a:moveTo>
                <a:cubicBezTo>
                  <a:pt x="1239" y="262"/>
                  <a:pt x="1245" y="256"/>
                  <a:pt x="1245" y="249"/>
                </a:cubicBezTo>
                <a:cubicBezTo>
                  <a:pt x="1245" y="242"/>
                  <a:pt x="1239" y="236"/>
                  <a:pt x="1232" y="236"/>
                </a:cubicBezTo>
                <a:cubicBezTo>
                  <a:pt x="1225" y="236"/>
                  <a:pt x="1220" y="242"/>
                  <a:pt x="1220" y="249"/>
                </a:cubicBezTo>
                <a:cubicBezTo>
                  <a:pt x="1220" y="256"/>
                  <a:pt x="1225" y="262"/>
                  <a:pt x="1232" y="262"/>
                </a:cubicBezTo>
                <a:close/>
                <a:moveTo>
                  <a:pt x="1272" y="262"/>
                </a:moveTo>
                <a:cubicBezTo>
                  <a:pt x="1279" y="262"/>
                  <a:pt x="1285" y="256"/>
                  <a:pt x="1285" y="249"/>
                </a:cubicBezTo>
                <a:cubicBezTo>
                  <a:pt x="1285" y="242"/>
                  <a:pt x="1279" y="236"/>
                  <a:pt x="1272" y="236"/>
                </a:cubicBezTo>
                <a:cubicBezTo>
                  <a:pt x="1265" y="236"/>
                  <a:pt x="1259" y="242"/>
                  <a:pt x="1259" y="249"/>
                </a:cubicBezTo>
                <a:cubicBezTo>
                  <a:pt x="1259" y="256"/>
                  <a:pt x="1265" y="262"/>
                  <a:pt x="1272" y="262"/>
                </a:cubicBezTo>
                <a:close/>
                <a:moveTo>
                  <a:pt x="1311" y="262"/>
                </a:moveTo>
                <a:cubicBezTo>
                  <a:pt x="1318" y="262"/>
                  <a:pt x="1324" y="256"/>
                  <a:pt x="1324" y="249"/>
                </a:cubicBezTo>
                <a:cubicBezTo>
                  <a:pt x="1324" y="242"/>
                  <a:pt x="1318" y="236"/>
                  <a:pt x="1311" y="236"/>
                </a:cubicBezTo>
                <a:cubicBezTo>
                  <a:pt x="1304" y="236"/>
                  <a:pt x="1298" y="242"/>
                  <a:pt x="1298" y="249"/>
                </a:cubicBezTo>
                <a:cubicBezTo>
                  <a:pt x="1298" y="256"/>
                  <a:pt x="1304" y="262"/>
                  <a:pt x="1311" y="262"/>
                </a:cubicBezTo>
                <a:close/>
                <a:moveTo>
                  <a:pt x="1351" y="262"/>
                </a:moveTo>
                <a:cubicBezTo>
                  <a:pt x="1358" y="262"/>
                  <a:pt x="1363" y="256"/>
                  <a:pt x="1363" y="249"/>
                </a:cubicBezTo>
                <a:cubicBezTo>
                  <a:pt x="1363" y="242"/>
                  <a:pt x="1358" y="236"/>
                  <a:pt x="1351" y="236"/>
                </a:cubicBezTo>
                <a:cubicBezTo>
                  <a:pt x="1344" y="236"/>
                  <a:pt x="1338" y="242"/>
                  <a:pt x="1338" y="249"/>
                </a:cubicBezTo>
                <a:cubicBezTo>
                  <a:pt x="1338" y="256"/>
                  <a:pt x="1344" y="262"/>
                  <a:pt x="1351" y="262"/>
                </a:cubicBezTo>
                <a:close/>
                <a:moveTo>
                  <a:pt x="1390" y="262"/>
                </a:moveTo>
                <a:cubicBezTo>
                  <a:pt x="1397" y="262"/>
                  <a:pt x="1403" y="256"/>
                  <a:pt x="1403" y="249"/>
                </a:cubicBezTo>
                <a:cubicBezTo>
                  <a:pt x="1403" y="242"/>
                  <a:pt x="1397" y="236"/>
                  <a:pt x="1390" y="236"/>
                </a:cubicBezTo>
                <a:cubicBezTo>
                  <a:pt x="1383" y="236"/>
                  <a:pt x="1377" y="242"/>
                  <a:pt x="1377" y="249"/>
                </a:cubicBezTo>
                <a:cubicBezTo>
                  <a:pt x="1377" y="256"/>
                  <a:pt x="1383" y="262"/>
                  <a:pt x="1390" y="262"/>
                </a:cubicBezTo>
                <a:close/>
                <a:moveTo>
                  <a:pt x="1429" y="262"/>
                </a:moveTo>
                <a:cubicBezTo>
                  <a:pt x="1437" y="262"/>
                  <a:pt x="1442" y="256"/>
                  <a:pt x="1442" y="249"/>
                </a:cubicBezTo>
                <a:cubicBezTo>
                  <a:pt x="1442" y="242"/>
                  <a:pt x="1437" y="236"/>
                  <a:pt x="1429" y="236"/>
                </a:cubicBezTo>
                <a:cubicBezTo>
                  <a:pt x="1422" y="236"/>
                  <a:pt x="1417" y="242"/>
                  <a:pt x="1417" y="249"/>
                </a:cubicBezTo>
                <a:cubicBezTo>
                  <a:pt x="1417" y="256"/>
                  <a:pt x="1422" y="262"/>
                  <a:pt x="1429" y="262"/>
                </a:cubicBezTo>
                <a:close/>
                <a:moveTo>
                  <a:pt x="1469" y="236"/>
                </a:moveTo>
                <a:cubicBezTo>
                  <a:pt x="1462" y="236"/>
                  <a:pt x="1456" y="242"/>
                  <a:pt x="1456" y="249"/>
                </a:cubicBezTo>
                <a:cubicBezTo>
                  <a:pt x="1456" y="256"/>
                  <a:pt x="1462" y="262"/>
                  <a:pt x="1469" y="262"/>
                </a:cubicBezTo>
                <a:cubicBezTo>
                  <a:pt x="1476" y="262"/>
                  <a:pt x="1482" y="256"/>
                  <a:pt x="1482" y="249"/>
                </a:cubicBezTo>
                <a:cubicBezTo>
                  <a:pt x="1482" y="242"/>
                  <a:pt x="1476" y="236"/>
                  <a:pt x="1469" y="236"/>
                </a:cubicBezTo>
                <a:close/>
                <a:moveTo>
                  <a:pt x="1981" y="262"/>
                </a:moveTo>
                <a:cubicBezTo>
                  <a:pt x="1988" y="262"/>
                  <a:pt x="1994" y="256"/>
                  <a:pt x="1994" y="249"/>
                </a:cubicBezTo>
                <a:cubicBezTo>
                  <a:pt x="1994" y="242"/>
                  <a:pt x="1988" y="237"/>
                  <a:pt x="1981" y="237"/>
                </a:cubicBezTo>
                <a:cubicBezTo>
                  <a:pt x="1974" y="237"/>
                  <a:pt x="1969" y="242"/>
                  <a:pt x="1969" y="249"/>
                </a:cubicBezTo>
                <a:cubicBezTo>
                  <a:pt x="1969" y="256"/>
                  <a:pt x="1974" y="262"/>
                  <a:pt x="1981" y="262"/>
                </a:cubicBezTo>
                <a:close/>
                <a:moveTo>
                  <a:pt x="2257" y="262"/>
                </a:moveTo>
                <a:cubicBezTo>
                  <a:pt x="2264" y="262"/>
                  <a:pt x="2270" y="256"/>
                  <a:pt x="2270" y="249"/>
                </a:cubicBezTo>
                <a:cubicBezTo>
                  <a:pt x="2270" y="242"/>
                  <a:pt x="2264" y="236"/>
                  <a:pt x="2257" y="236"/>
                </a:cubicBezTo>
                <a:cubicBezTo>
                  <a:pt x="2250" y="236"/>
                  <a:pt x="2245" y="242"/>
                  <a:pt x="2245" y="249"/>
                </a:cubicBezTo>
                <a:cubicBezTo>
                  <a:pt x="2245" y="256"/>
                  <a:pt x="2250" y="262"/>
                  <a:pt x="2257" y="262"/>
                </a:cubicBezTo>
                <a:close/>
                <a:moveTo>
                  <a:pt x="2376" y="262"/>
                </a:moveTo>
                <a:cubicBezTo>
                  <a:pt x="2383" y="262"/>
                  <a:pt x="2388" y="256"/>
                  <a:pt x="2388" y="249"/>
                </a:cubicBezTo>
                <a:cubicBezTo>
                  <a:pt x="2388" y="242"/>
                  <a:pt x="2383" y="236"/>
                  <a:pt x="2376" y="236"/>
                </a:cubicBezTo>
                <a:cubicBezTo>
                  <a:pt x="2369" y="236"/>
                  <a:pt x="2363" y="242"/>
                  <a:pt x="2363" y="249"/>
                </a:cubicBezTo>
                <a:cubicBezTo>
                  <a:pt x="2363" y="256"/>
                  <a:pt x="2369" y="262"/>
                  <a:pt x="2376" y="262"/>
                </a:cubicBezTo>
                <a:close/>
                <a:moveTo>
                  <a:pt x="2415" y="262"/>
                </a:moveTo>
                <a:cubicBezTo>
                  <a:pt x="2422" y="262"/>
                  <a:pt x="2428" y="256"/>
                  <a:pt x="2428" y="249"/>
                </a:cubicBezTo>
                <a:cubicBezTo>
                  <a:pt x="2428" y="242"/>
                  <a:pt x="2422" y="236"/>
                  <a:pt x="2415" y="236"/>
                </a:cubicBezTo>
                <a:cubicBezTo>
                  <a:pt x="2408" y="236"/>
                  <a:pt x="2402" y="242"/>
                  <a:pt x="2402" y="249"/>
                </a:cubicBezTo>
                <a:cubicBezTo>
                  <a:pt x="2402" y="256"/>
                  <a:pt x="2408" y="262"/>
                  <a:pt x="2415" y="262"/>
                </a:cubicBezTo>
                <a:close/>
                <a:moveTo>
                  <a:pt x="2454" y="262"/>
                </a:moveTo>
                <a:cubicBezTo>
                  <a:pt x="2462" y="262"/>
                  <a:pt x="2467" y="256"/>
                  <a:pt x="2467" y="249"/>
                </a:cubicBezTo>
                <a:cubicBezTo>
                  <a:pt x="2467" y="242"/>
                  <a:pt x="2462" y="236"/>
                  <a:pt x="2454" y="236"/>
                </a:cubicBezTo>
                <a:cubicBezTo>
                  <a:pt x="2447" y="236"/>
                  <a:pt x="2442" y="242"/>
                  <a:pt x="2442" y="249"/>
                </a:cubicBezTo>
                <a:cubicBezTo>
                  <a:pt x="2442" y="256"/>
                  <a:pt x="2447" y="262"/>
                  <a:pt x="2454" y="262"/>
                </a:cubicBezTo>
                <a:close/>
                <a:moveTo>
                  <a:pt x="2494" y="262"/>
                </a:moveTo>
                <a:cubicBezTo>
                  <a:pt x="2501" y="262"/>
                  <a:pt x="2507" y="256"/>
                  <a:pt x="2507" y="249"/>
                </a:cubicBezTo>
                <a:cubicBezTo>
                  <a:pt x="2507" y="242"/>
                  <a:pt x="2501" y="236"/>
                  <a:pt x="2494" y="236"/>
                </a:cubicBezTo>
                <a:cubicBezTo>
                  <a:pt x="2487" y="236"/>
                  <a:pt x="2481" y="242"/>
                  <a:pt x="2481" y="249"/>
                </a:cubicBezTo>
                <a:cubicBezTo>
                  <a:pt x="2481" y="256"/>
                  <a:pt x="2487" y="262"/>
                  <a:pt x="2494" y="262"/>
                </a:cubicBezTo>
                <a:close/>
                <a:moveTo>
                  <a:pt x="2533" y="262"/>
                </a:moveTo>
                <a:cubicBezTo>
                  <a:pt x="2540" y="262"/>
                  <a:pt x="2546" y="256"/>
                  <a:pt x="2546" y="249"/>
                </a:cubicBezTo>
                <a:cubicBezTo>
                  <a:pt x="2546" y="242"/>
                  <a:pt x="2540" y="236"/>
                  <a:pt x="2533" y="236"/>
                </a:cubicBezTo>
                <a:cubicBezTo>
                  <a:pt x="2526" y="236"/>
                  <a:pt x="2521" y="242"/>
                  <a:pt x="2521" y="249"/>
                </a:cubicBezTo>
                <a:cubicBezTo>
                  <a:pt x="2521" y="256"/>
                  <a:pt x="2526" y="262"/>
                  <a:pt x="2533" y="262"/>
                </a:cubicBezTo>
                <a:close/>
                <a:moveTo>
                  <a:pt x="2573" y="262"/>
                </a:moveTo>
                <a:cubicBezTo>
                  <a:pt x="2580" y="262"/>
                  <a:pt x="2586" y="256"/>
                  <a:pt x="2586" y="249"/>
                </a:cubicBezTo>
                <a:cubicBezTo>
                  <a:pt x="2586" y="242"/>
                  <a:pt x="2580" y="236"/>
                  <a:pt x="2573" y="236"/>
                </a:cubicBezTo>
                <a:cubicBezTo>
                  <a:pt x="2566" y="236"/>
                  <a:pt x="2560" y="242"/>
                  <a:pt x="2560" y="249"/>
                </a:cubicBezTo>
                <a:cubicBezTo>
                  <a:pt x="2560" y="256"/>
                  <a:pt x="2566" y="262"/>
                  <a:pt x="2573" y="262"/>
                </a:cubicBezTo>
                <a:close/>
                <a:moveTo>
                  <a:pt x="2612" y="262"/>
                </a:moveTo>
                <a:cubicBezTo>
                  <a:pt x="2619" y="262"/>
                  <a:pt x="2625" y="256"/>
                  <a:pt x="2625" y="249"/>
                </a:cubicBezTo>
                <a:cubicBezTo>
                  <a:pt x="2625" y="242"/>
                  <a:pt x="2619" y="236"/>
                  <a:pt x="2612" y="236"/>
                </a:cubicBezTo>
                <a:cubicBezTo>
                  <a:pt x="2605" y="236"/>
                  <a:pt x="2599" y="242"/>
                  <a:pt x="2599" y="249"/>
                </a:cubicBezTo>
                <a:cubicBezTo>
                  <a:pt x="2599" y="256"/>
                  <a:pt x="2605" y="262"/>
                  <a:pt x="2612" y="262"/>
                </a:cubicBezTo>
                <a:close/>
                <a:moveTo>
                  <a:pt x="2652" y="262"/>
                </a:moveTo>
                <a:cubicBezTo>
                  <a:pt x="2659" y="262"/>
                  <a:pt x="2664" y="256"/>
                  <a:pt x="2664" y="249"/>
                </a:cubicBezTo>
                <a:cubicBezTo>
                  <a:pt x="2664" y="242"/>
                  <a:pt x="2659" y="236"/>
                  <a:pt x="2652" y="236"/>
                </a:cubicBezTo>
                <a:cubicBezTo>
                  <a:pt x="2645" y="236"/>
                  <a:pt x="2639" y="242"/>
                  <a:pt x="2639" y="249"/>
                </a:cubicBezTo>
                <a:cubicBezTo>
                  <a:pt x="2639" y="256"/>
                  <a:pt x="2645" y="262"/>
                  <a:pt x="2652" y="262"/>
                </a:cubicBezTo>
                <a:close/>
                <a:moveTo>
                  <a:pt x="2691" y="262"/>
                </a:moveTo>
                <a:cubicBezTo>
                  <a:pt x="2698" y="262"/>
                  <a:pt x="2704" y="256"/>
                  <a:pt x="2704" y="249"/>
                </a:cubicBezTo>
                <a:cubicBezTo>
                  <a:pt x="2704" y="242"/>
                  <a:pt x="2698" y="236"/>
                  <a:pt x="2691" y="236"/>
                </a:cubicBezTo>
                <a:cubicBezTo>
                  <a:pt x="2684" y="236"/>
                  <a:pt x="2678" y="242"/>
                  <a:pt x="2678" y="249"/>
                </a:cubicBezTo>
                <a:cubicBezTo>
                  <a:pt x="2678" y="256"/>
                  <a:pt x="2684" y="262"/>
                  <a:pt x="2691" y="262"/>
                </a:cubicBezTo>
                <a:close/>
                <a:moveTo>
                  <a:pt x="2730" y="262"/>
                </a:moveTo>
                <a:cubicBezTo>
                  <a:pt x="2738" y="262"/>
                  <a:pt x="2743" y="256"/>
                  <a:pt x="2743" y="249"/>
                </a:cubicBezTo>
                <a:cubicBezTo>
                  <a:pt x="2743" y="242"/>
                  <a:pt x="2738" y="236"/>
                  <a:pt x="2730" y="236"/>
                </a:cubicBezTo>
                <a:cubicBezTo>
                  <a:pt x="2723" y="236"/>
                  <a:pt x="2718" y="242"/>
                  <a:pt x="2718" y="249"/>
                </a:cubicBezTo>
                <a:cubicBezTo>
                  <a:pt x="2718" y="256"/>
                  <a:pt x="2723" y="262"/>
                  <a:pt x="2730" y="262"/>
                </a:cubicBezTo>
                <a:close/>
                <a:moveTo>
                  <a:pt x="2770" y="262"/>
                </a:moveTo>
                <a:cubicBezTo>
                  <a:pt x="2777" y="262"/>
                  <a:pt x="2783" y="256"/>
                  <a:pt x="2783" y="249"/>
                </a:cubicBezTo>
                <a:cubicBezTo>
                  <a:pt x="2783" y="242"/>
                  <a:pt x="2777" y="236"/>
                  <a:pt x="2770" y="236"/>
                </a:cubicBezTo>
                <a:cubicBezTo>
                  <a:pt x="2763" y="236"/>
                  <a:pt x="2757" y="242"/>
                  <a:pt x="2757" y="249"/>
                </a:cubicBezTo>
                <a:cubicBezTo>
                  <a:pt x="2757" y="256"/>
                  <a:pt x="2763" y="262"/>
                  <a:pt x="2770" y="262"/>
                </a:cubicBezTo>
                <a:close/>
                <a:moveTo>
                  <a:pt x="2770" y="223"/>
                </a:moveTo>
                <a:cubicBezTo>
                  <a:pt x="2777" y="223"/>
                  <a:pt x="2783" y="217"/>
                  <a:pt x="2783" y="210"/>
                </a:cubicBezTo>
                <a:cubicBezTo>
                  <a:pt x="2783" y="203"/>
                  <a:pt x="2777" y="197"/>
                  <a:pt x="2770" y="197"/>
                </a:cubicBezTo>
                <a:cubicBezTo>
                  <a:pt x="2763" y="197"/>
                  <a:pt x="2757" y="203"/>
                  <a:pt x="2757" y="210"/>
                </a:cubicBezTo>
                <a:cubicBezTo>
                  <a:pt x="2757" y="217"/>
                  <a:pt x="2763" y="223"/>
                  <a:pt x="2770" y="223"/>
                </a:cubicBezTo>
                <a:close/>
                <a:moveTo>
                  <a:pt x="2809" y="262"/>
                </a:moveTo>
                <a:cubicBezTo>
                  <a:pt x="2816" y="262"/>
                  <a:pt x="2822" y="256"/>
                  <a:pt x="2822" y="249"/>
                </a:cubicBezTo>
                <a:cubicBezTo>
                  <a:pt x="2822" y="242"/>
                  <a:pt x="2816" y="236"/>
                  <a:pt x="2809" y="236"/>
                </a:cubicBezTo>
                <a:cubicBezTo>
                  <a:pt x="2802" y="236"/>
                  <a:pt x="2797" y="242"/>
                  <a:pt x="2797" y="249"/>
                </a:cubicBezTo>
                <a:cubicBezTo>
                  <a:pt x="2797" y="256"/>
                  <a:pt x="2802" y="262"/>
                  <a:pt x="2809" y="262"/>
                </a:cubicBezTo>
                <a:close/>
                <a:moveTo>
                  <a:pt x="2849" y="262"/>
                </a:moveTo>
                <a:cubicBezTo>
                  <a:pt x="2856" y="262"/>
                  <a:pt x="2861" y="256"/>
                  <a:pt x="2861" y="249"/>
                </a:cubicBezTo>
                <a:cubicBezTo>
                  <a:pt x="2861" y="242"/>
                  <a:pt x="2856" y="236"/>
                  <a:pt x="2849" y="236"/>
                </a:cubicBezTo>
                <a:cubicBezTo>
                  <a:pt x="2842" y="236"/>
                  <a:pt x="2836" y="242"/>
                  <a:pt x="2836" y="249"/>
                </a:cubicBezTo>
                <a:cubicBezTo>
                  <a:pt x="2836" y="256"/>
                  <a:pt x="2842" y="262"/>
                  <a:pt x="2849" y="262"/>
                </a:cubicBezTo>
                <a:close/>
                <a:moveTo>
                  <a:pt x="2888" y="262"/>
                </a:moveTo>
                <a:cubicBezTo>
                  <a:pt x="2895" y="262"/>
                  <a:pt x="2901" y="256"/>
                  <a:pt x="2901" y="249"/>
                </a:cubicBezTo>
                <a:cubicBezTo>
                  <a:pt x="2901" y="242"/>
                  <a:pt x="2895" y="236"/>
                  <a:pt x="2888" y="236"/>
                </a:cubicBezTo>
                <a:cubicBezTo>
                  <a:pt x="2881" y="236"/>
                  <a:pt x="2875" y="242"/>
                  <a:pt x="2875" y="249"/>
                </a:cubicBezTo>
                <a:cubicBezTo>
                  <a:pt x="2875" y="256"/>
                  <a:pt x="2881" y="262"/>
                  <a:pt x="2888" y="262"/>
                </a:cubicBezTo>
                <a:close/>
                <a:moveTo>
                  <a:pt x="2928" y="262"/>
                </a:moveTo>
                <a:cubicBezTo>
                  <a:pt x="2935" y="262"/>
                  <a:pt x="2940" y="256"/>
                  <a:pt x="2940" y="249"/>
                </a:cubicBezTo>
                <a:cubicBezTo>
                  <a:pt x="2940" y="242"/>
                  <a:pt x="2935" y="236"/>
                  <a:pt x="2928" y="236"/>
                </a:cubicBezTo>
                <a:cubicBezTo>
                  <a:pt x="2921" y="236"/>
                  <a:pt x="2915" y="242"/>
                  <a:pt x="2915" y="249"/>
                </a:cubicBezTo>
                <a:cubicBezTo>
                  <a:pt x="2915" y="256"/>
                  <a:pt x="2921" y="262"/>
                  <a:pt x="2928" y="262"/>
                </a:cubicBezTo>
                <a:close/>
                <a:moveTo>
                  <a:pt x="2967" y="262"/>
                </a:moveTo>
                <a:cubicBezTo>
                  <a:pt x="2974" y="262"/>
                  <a:pt x="2980" y="256"/>
                  <a:pt x="2980" y="249"/>
                </a:cubicBezTo>
                <a:cubicBezTo>
                  <a:pt x="2980" y="242"/>
                  <a:pt x="2974" y="236"/>
                  <a:pt x="2967" y="236"/>
                </a:cubicBezTo>
                <a:cubicBezTo>
                  <a:pt x="2960" y="236"/>
                  <a:pt x="2954" y="242"/>
                  <a:pt x="2954" y="249"/>
                </a:cubicBezTo>
                <a:cubicBezTo>
                  <a:pt x="2954" y="256"/>
                  <a:pt x="2960" y="262"/>
                  <a:pt x="2967" y="262"/>
                </a:cubicBezTo>
                <a:close/>
                <a:moveTo>
                  <a:pt x="3006" y="262"/>
                </a:moveTo>
                <a:cubicBezTo>
                  <a:pt x="3013" y="262"/>
                  <a:pt x="3019" y="256"/>
                  <a:pt x="3019" y="249"/>
                </a:cubicBezTo>
                <a:cubicBezTo>
                  <a:pt x="3019" y="242"/>
                  <a:pt x="3013" y="236"/>
                  <a:pt x="3006" y="236"/>
                </a:cubicBezTo>
                <a:cubicBezTo>
                  <a:pt x="2999" y="236"/>
                  <a:pt x="2994" y="242"/>
                  <a:pt x="2994" y="249"/>
                </a:cubicBezTo>
                <a:cubicBezTo>
                  <a:pt x="2994" y="256"/>
                  <a:pt x="2999" y="262"/>
                  <a:pt x="3006" y="262"/>
                </a:cubicBezTo>
                <a:close/>
                <a:moveTo>
                  <a:pt x="3046" y="262"/>
                </a:moveTo>
                <a:cubicBezTo>
                  <a:pt x="3053" y="262"/>
                  <a:pt x="3059" y="256"/>
                  <a:pt x="3059" y="249"/>
                </a:cubicBezTo>
                <a:cubicBezTo>
                  <a:pt x="3059" y="242"/>
                  <a:pt x="3053" y="237"/>
                  <a:pt x="3046" y="237"/>
                </a:cubicBezTo>
                <a:cubicBezTo>
                  <a:pt x="3039" y="237"/>
                  <a:pt x="3033" y="242"/>
                  <a:pt x="3033" y="249"/>
                </a:cubicBezTo>
                <a:cubicBezTo>
                  <a:pt x="3033" y="256"/>
                  <a:pt x="3039" y="262"/>
                  <a:pt x="3046" y="262"/>
                </a:cubicBezTo>
                <a:close/>
                <a:moveTo>
                  <a:pt x="3085" y="262"/>
                </a:moveTo>
                <a:cubicBezTo>
                  <a:pt x="3092" y="262"/>
                  <a:pt x="3098" y="256"/>
                  <a:pt x="3098" y="249"/>
                </a:cubicBezTo>
                <a:cubicBezTo>
                  <a:pt x="3098" y="242"/>
                  <a:pt x="3092" y="236"/>
                  <a:pt x="3085" y="236"/>
                </a:cubicBezTo>
                <a:cubicBezTo>
                  <a:pt x="3078" y="236"/>
                  <a:pt x="3073" y="242"/>
                  <a:pt x="3073" y="249"/>
                </a:cubicBezTo>
                <a:cubicBezTo>
                  <a:pt x="3073" y="256"/>
                  <a:pt x="3078" y="262"/>
                  <a:pt x="3085" y="262"/>
                </a:cubicBezTo>
                <a:close/>
                <a:moveTo>
                  <a:pt x="3125" y="262"/>
                </a:moveTo>
                <a:cubicBezTo>
                  <a:pt x="3132" y="262"/>
                  <a:pt x="3137" y="256"/>
                  <a:pt x="3137" y="249"/>
                </a:cubicBezTo>
                <a:cubicBezTo>
                  <a:pt x="3137" y="242"/>
                  <a:pt x="3132" y="236"/>
                  <a:pt x="3125" y="236"/>
                </a:cubicBezTo>
                <a:cubicBezTo>
                  <a:pt x="3118" y="236"/>
                  <a:pt x="3112" y="242"/>
                  <a:pt x="3112" y="249"/>
                </a:cubicBezTo>
                <a:cubicBezTo>
                  <a:pt x="3112" y="256"/>
                  <a:pt x="3118" y="262"/>
                  <a:pt x="3125" y="262"/>
                </a:cubicBezTo>
                <a:close/>
                <a:moveTo>
                  <a:pt x="3164" y="262"/>
                </a:moveTo>
                <a:cubicBezTo>
                  <a:pt x="3171" y="262"/>
                  <a:pt x="3177" y="256"/>
                  <a:pt x="3177" y="249"/>
                </a:cubicBezTo>
                <a:cubicBezTo>
                  <a:pt x="3177" y="242"/>
                  <a:pt x="3171" y="236"/>
                  <a:pt x="3164" y="236"/>
                </a:cubicBezTo>
                <a:cubicBezTo>
                  <a:pt x="3157" y="236"/>
                  <a:pt x="3151" y="242"/>
                  <a:pt x="3151" y="249"/>
                </a:cubicBezTo>
                <a:cubicBezTo>
                  <a:pt x="3151" y="256"/>
                  <a:pt x="3157" y="262"/>
                  <a:pt x="3164" y="262"/>
                </a:cubicBezTo>
                <a:close/>
                <a:moveTo>
                  <a:pt x="3204" y="262"/>
                </a:moveTo>
                <a:cubicBezTo>
                  <a:pt x="3211" y="262"/>
                  <a:pt x="3216" y="256"/>
                  <a:pt x="3216" y="249"/>
                </a:cubicBezTo>
                <a:cubicBezTo>
                  <a:pt x="3216" y="242"/>
                  <a:pt x="3211" y="236"/>
                  <a:pt x="3204" y="236"/>
                </a:cubicBezTo>
                <a:cubicBezTo>
                  <a:pt x="3197" y="236"/>
                  <a:pt x="3191" y="242"/>
                  <a:pt x="3191" y="249"/>
                </a:cubicBezTo>
                <a:cubicBezTo>
                  <a:pt x="3191" y="256"/>
                  <a:pt x="3197" y="262"/>
                  <a:pt x="3204" y="262"/>
                </a:cubicBezTo>
                <a:close/>
                <a:moveTo>
                  <a:pt x="3282" y="262"/>
                </a:moveTo>
                <a:cubicBezTo>
                  <a:pt x="3289" y="262"/>
                  <a:pt x="3295" y="256"/>
                  <a:pt x="3295" y="249"/>
                </a:cubicBezTo>
                <a:cubicBezTo>
                  <a:pt x="3295" y="242"/>
                  <a:pt x="3289" y="236"/>
                  <a:pt x="3282" y="236"/>
                </a:cubicBezTo>
                <a:cubicBezTo>
                  <a:pt x="3275" y="236"/>
                  <a:pt x="3270" y="242"/>
                  <a:pt x="3270" y="249"/>
                </a:cubicBezTo>
                <a:cubicBezTo>
                  <a:pt x="3270" y="256"/>
                  <a:pt x="3275" y="262"/>
                  <a:pt x="3282" y="262"/>
                </a:cubicBezTo>
                <a:close/>
                <a:moveTo>
                  <a:pt x="3519" y="262"/>
                </a:moveTo>
                <a:cubicBezTo>
                  <a:pt x="3526" y="262"/>
                  <a:pt x="3532" y="256"/>
                  <a:pt x="3532" y="249"/>
                </a:cubicBezTo>
                <a:cubicBezTo>
                  <a:pt x="3532" y="242"/>
                  <a:pt x="3526" y="236"/>
                  <a:pt x="3519" y="236"/>
                </a:cubicBezTo>
                <a:cubicBezTo>
                  <a:pt x="3512" y="236"/>
                  <a:pt x="3506" y="242"/>
                  <a:pt x="3506" y="249"/>
                </a:cubicBezTo>
                <a:cubicBezTo>
                  <a:pt x="3506" y="256"/>
                  <a:pt x="3512" y="262"/>
                  <a:pt x="3519" y="262"/>
                </a:cubicBezTo>
                <a:close/>
                <a:moveTo>
                  <a:pt x="10" y="278"/>
                </a:moveTo>
                <a:cubicBezTo>
                  <a:pt x="4" y="278"/>
                  <a:pt x="0" y="283"/>
                  <a:pt x="0" y="289"/>
                </a:cubicBezTo>
                <a:cubicBezTo>
                  <a:pt x="0" y="295"/>
                  <a:pt x="4" y="299"/>
                  <a:pt x="10" y="299"/>
                </a:cubicBezTo>
                <a:cubicBezTo>
                  <a:pt x="16" y="299"/>
                  <a:pt x="21" y="295"/>
                  <a:pt x="21" y="289"/>
                </a:cubicBezTo>
                <a:cubicBezTo>
                  <a:pt x="21" y="283"/>
                  <a:pt x="16" y="278"/>
                  <a:pt x="10" y="278"/>
                </a:cubicBezTo>
                <a:close/>
                <a:moveTo>
                  <a:pt x="50" y="301"/>
                </a:moveTo>
                <a:cubicBezTo>
                  <a:pt x="57" y="301"/>
                  <a:pt x="62" y="296"/>
                  <a:pt x="62" y="289"/>
                </a:cubicBezTo>
                <a:cubicBezTo>
                  <a:pt x="62" y="282"/>
                  <a:pt x="57" y="276"/>
                  <a:pt x="50" y="276"/>
                </a:cubicBezTo>
                <a:cubicBezTo>
                  <a:pt x="43" y="276"/>
                  <a:pt x="37" y="282"/>
                  <a:pt x="37" y="289"/>
                </a:cubicBezTo>
                <a:cubicBezTo>
                  <a:pt x="37" y="296"/>
                  <a:pt x="43" y="301"/>
                  <a:pt x="50" y="301"/>
                </a:cubicBezTo>
                <a:close/>
                <a:moveTo>
                  <a:pt x="89" y="301"/>
                </a:moveTo>
                <a:cubicBezTo>
                  <a:pt x="96" y="301"/>
                  <a:pt x="102" y="296"/>
                  <a:pt x="102" y="289"/>
                </a:cubicBezTo>
                <a:cubicBezTo>
                  <a:pt x="102" y="282"/>
                  <a:pt x="96" y="276"/>
                  <a:pt x="89" y="276"/>
                </a:cubicBezTo>
                <a:cubicBezTo>
                  <a:pt x="82" y="276"/>
                  <a:pt x="76" y="282"/>
                  <a:pt x="76" y="289"/>
                </a:cubicBezTo>
                <a:cubicBezTo>
                  <a:pt x="76" y="296"/>
                  <a:pt x="82" y="301"/>
                  <a:pt x="89" y="301"/>
                </a:cubicBezTo>
                <a:close/>
                <a:moveTo>
                  <a:pt x="128" y="301"/>
                </a:moveTo>
                <a:cubicBezTo>
                  <a:pt x="136" y="301"/>
                  <a:pt x="141" y="296"/>
                  <a:pt x="141" y="289"/>
                </a:cubicBezTo>
                <a:cubicBezTo>
                  <a:pt x="141" y="282"/>
                  <a:pt x="136" y="276"/>
                  <a:pt x="128" y="276"/>
                </a:cubicBezTo>
                <a:cubicBezTo>
                  <a:pt x="121" y="276"/>
                  <a:pt x="116" y="282"/>
                  <a:pt x="116" y="289"/>
                </a:cubicBezTo>
                <a:cubicBezTo>
                  <a:pt x="116" y="296"/>
                  <a:pt x="121" y="301"/>
                  <a:pt x="128" y="301"/>
                </a:cubicBezTo>
                <a:close/>
                <a:moveTo>
                  <a:pt x="168" y="301"/>
                </a:moveTo>
                <a:cubicBezTo>
                  <a:pt x="175" y="301"/>
                  <a:pt x="181" y="296"/>
                  <a:pt x="181" y="289"/>
                </a:cubicBezTo>
                <a:cubicBezTo>
                  <a:pt x="181" y="282"/>
                  <a:pt x="175" y="276"/>
                  <a:pt x="168" y="276"/>
                </a:cubicBezTo>
                <a:cubicBezTo>
                  <a:pt x="161" y="276"/>
                  <a:pt x="155" y="282"/>
                  <a:pt x="155" y="289"/>
                </a:cubicBezTo>
                <a:cubicBezTo>
                  <a:pt x="155" y="296"/>
                  <a:pt x="161" y="301"/>
                  <a:pt x="168" y="301"/>
                </a:cubicBezTo>
                <a:close/>
                <a:moveTo>
                  <a:pt x="207" y="301"/>
                </a:moveTo>
                <a:cubicBezTo>
                  <a:pt x="214" y="301"/>
                  <a:pt x="220" y="296"/>
                  <a:pt x="220" y="289"/>
                </a:cubicBezTo>
                <a:cubicBezTo>
                  <a:pt x="220" y="282"/>
                  <a:pt x="214" y="276"/>
                  <a:pt x="207" y="276"/>
                </a:cubicBezTo>
                <a:cubicBezTo>
                  <a:pt x="200" y="276"/>
                  <a:pt x="195" y="282"/>
                  <a:pt x="195" y="289"/>
                </a:cubicBezTo>
                <a:cubicBezTo>
                  <a:pt x="195" y="296"/>
                  <a:pt x="200" y="301"/>
                  <a:pt x="207" y="301"/>
                </a:cubicBezTo>
                <a:close/>
                <a:moveTo>
                  <a:pt x="247" y="301"/>
                </a:moveTo>
                <a:cubicBezTo>
                  <a:pt x="254" y="301"/>
                  <a:pt x="259" y="296"/>
                  <a:pt x="259" y="289"/>
                </a:cubicBezTo>
                <a:cubicBezTo>
                  <a:pt x="259" y="282"/>
                  <a:pt x="254" y="276"/>
                  <a:pt x="247" y="276"/>
                </a:cubicBezTo>
                <a:cubicBezTo>
                  <a:pt x="240" y="276"/>
                  <a:pt x="234" y="282"/>
                  <a:pt x="234" y="289"/>
                </a:cubicBezTo>
                <a:cubicBezTo>
                  <a:pt x="234" y="296"/>
                  <a:pt x="240" y="301"/>
                  <a:pt x="247" y="301"/>
                </a:cubicBezTo>
                <a:close/>
                <a:moveTo>
                  <a:pt x="286" y="301"/>
                </a:moveTo>
                <a:cubicBezTo>
                  <a:pt x="293" y="301"/>
                  <a:pt x="299" y="296"/>
                  <a:pt x="299" y="289"/>
                </a:cubicBezTo>
                <a:cubicBezTo>
                  <a:pt x="299" y="282"/>
                  <a:pt x="293" y="276"/>
                  <a:pt x="286" y="276"/>
                </a:cubicBezTo>
                <a:cubicBezTo>
                  <a:pt x="279" y="276"/>
                  <a:pt x="273" y="282"/>
                  <a:pt x="273" y="289"/>
                </a:cubicBezTo>
                <a:cubicBezTo>
                  <a:pt x="273" y="296"/>
                  <a:pt x="279" y="301"/>
                  <a:pt x="286" y="301"/>
                </a:cubicBezTo>
                <a:close/>
                <a:moveTo>
                  <a:pt x="326" y="301"/>
                </a:moveTo>
                <a:cubicBezTo>
                  <a:pt x="333" y="301"/>
                  <a:pt x="338" y="296"/>
                  <a:pt x="338" y="289"/>
                </a:cubicBezTo>
                <a:cubicBezTo>
                  <a:pt x="338" y="282"/>
                  <a:pt x="333" y="276"/>
                  <a:pt x="326" y="276"/>
                </a:cubicBezTo>
                <a:cubicBezTo>
                  <a:pt x="319" y="276"/>
                  <a:pt x="313" y="282"/>
                  <a:pt x="313" y="289"/>
                </a:cubicBezTo>
                <a:cubicBezTo>
                  <a:pt x="313" y="296"/>
                  <a:pt x="319" y="301"/>
                  <a:pt x="326" y="301"/>
                </a:cubicBezTo>
                <a:close/>
                <a:moveTo>
                  <a:pt x="365" y="301"/>
                </a:moveTo>
                <a:cubicBezTo>
                  <a:pt x="372" y="301"/>
                  <a:pt x="378" y="296"/>
                  <a:pt x="378" y="289"/>
                </a:cubicBezTo>
                <a:cubicBezTo>
                  <a:pt x="378" y="282"/>
                  <a:pt x="372" y="276"/>
                  <a:pt x="365" y="276"/>
                </a:cubicBezTo>
                <a:cubicBezTo>
                  <a:pt x="358" y="276"/>
                  <a:pt x="352" y="282"/>
                  <a:pt x="352" y="289"/>
                </a:cubicBezTo>
                <a:cubicBezTo>
                  <a:pt x="352" y="296"/>
                  <a:pt x="358" y="301"/>
                  <a:pt x="365" y="301"/>
                </a:cubicBezTo>
                <a:close/>
                <a:moveTo>
                  <a:pt x="404" y="301"/>
                </a:moveTo>
                <a:cubicBezTo>
                  <a:pt x="411" y="301"/>
                  <a:pt x="417" y="296"/>
                  <a:pt x="417" y="289"/>
                </a:cubicBezTo>
                <a:cubicBezTo>
                  <a:pt x="417" y="282"/>
                  <a:pt x="411" y="276"/>
                  <a:pt x="404" y="276"/>
                </a:cubicBezTo>
                <a:cubicBezTo>
                  <a:pt x="397" y="276"/>
                  <a:pt x="392" y="282"/>
                  <a:pt x="392" y="289"/>
                </a:cubicBezTo>
                <a:cubicBezTo>
                  <a:pt x="392" y="296"/>
                  <a:pt x="397" y="301"/>
                  <a:pt x="404" y="301"/>
                </a:cubicBezTo>
                <a:close/>
                <a:moveTo>
                  <a:pt x="444" y="301"/>
                </a:moveTo>
                <a:cubicBezTo>
                  <a:pt x="451" y="301"/>
                  <a:pt x="457" y="296"/>
                  <a:pt x="457" y="289"/>
                </a:cubicBezTo>
                <a:cubicBezTo>
                  <a:pt x="457" y="282"/>
                  <a:pt x="451" y="276"/>
                  <a:pt x="444" y="276"/>
                </a:cubicBezTo>
                <a:cubicBezTo>
                  <a:pt x="437" y="276"/>
                  <a:pt x="431" y="282"/>
                  <a:pt x="431" y="289"/>
                </a:cubicBezTo>
                <a:cubicBezTo>
                  <a:pt x="431" y="296"/>
                  <a:pt x="437" y="301"/>
                  <a:pt x="444" y="301"/>
                </a:cubicBezTo>
                <a:close/>
                <a:moveTo>
                  <a:pt x="483" y="301"/>
                </a:moveTo>
                <a:cubicBezTo>
                  <a:pt x="490" y="301"/>
                  <a:pt x="496" y="296"/>
                  <a:pt x="496" y="289"/>
                </a:cubicBezTo>
                <a:cubicBezTo>
                  <a:pt x="496" y="282"/>
                  <a:pt x="490" y="276"/>
                  <a:pt x="483" y="276"/>
                </a:cubicBezTo>
                <a:cubicBezTo>
                  <a:pt x="476" y="276"/>
                  <a:pt x="471" y="282"/>
                  <a:pt x="471" y="289"/>
                </a:cubicBezTo>
                <a:cubicBezTo>
                  <a:pt x="471" y="296"/>
                  <a:pt x="476" y="301"/>
                  <a:pt x="483" y="301"/>
                </a:cubicBezTo>
                <a:close/>
                <a:moveTo>
                  <a:pt x="523" y="301"/>
                </a:moveTo>
                <a:cubicBezTo>
                  <a:pt x="530" y="301"/>
                  <a:pt x="535" y="296"/>
                  <a:pt x="535" y="289"/>
                </a:cubicBezTo>
                <a:cubicBezTo>
                  <a:pt x="535" y="282"/>
                  <a:pt x="530" y="276"/>
                  <a:pt x="523" y="276"/>
                </a:cubicBezTo>
                <a:cubicBezTo>
                  <a:pt x="516" y="276"/>
                  <a:pt x="510" y="282"/>
                  <a:pt x="510" y="289"/>
                </a:cubicBezTo>
                <a:cubicBezTo>
                  <a:pt x="510" y="296"/>
                  <a:pt x="516" y="301"/>
                  <a:pt x="523" y="301"/>
                </a:cubicBezTo>
                <a:close/>
                <a:moveTo>
                  <a:pt x="562" y="301"/>
                </a:moveTo>
                <a:cubicBezTo>
                  <a:pt x="569" y="301"/>
                  <a:pt x="575" y="296"/>
                  <a:pt x="575" y="289"/>
                </a:cubicBezTo>
                <a:cubicBezTo>
                  <a:pt x="575" y="282"/>
                  <a:pt x="569" y="276"/>
                  <a:pt x="562" y="276"/>
                </a:cubicBezTo>
                <a:cubicBezTo>
                  <a:pt x="555" y="276"/>
                  <a:pt x="549" y="282"/>
                  <a:pt x="549" y="289"/>
                </a:cubicBezTo>
                <a:cubicBezTo>
                  <a:pt x="549" y="296"/>
                  <a:pt x="555" y="301"/>
                  <a:pt x="562" y="301"/>
                </a:cubicBezTo>
                <a:close/>
                <a:moveTo>
                  <a:pt x="641" y="301"/>
                </a:moveTo>
                <a:cubicBezTo>
                  <a:pt x="648" y="301"/>
                  <a:pt x="654" y="296"/>
                  <a:pt x="654" y="289"/>
                </a:cubicBezTo>
                <a:cubicBezTo>
                  <a:pt x="654" y="282"/>
                  <a:pt x="648" y="276"/>
                  <a:pt x="641" y="276"/>
                </a:cubicBezTo>
                <a:cubicBezTo>
                  <a:pt x="634" y="276"/>
                  <a:pt x="628" y="282"/>
                  <a:pt x="628" y="289"/>
                </a:cubicBezTo>
                <a:cubicBezTo>
                  <a:pt x="628" y="296"/>
                  <a:pt x="634" y="301"/>
                  <a:pt x="641" y="301"/>
                </a:cubicBezTo>
                <a:close/>
                <a:moveTo>
                  <a:pt x="720" y="301"/>
                </a:moveTo>
                <a:cubicBezTo>
                  <a:pt x="727" y="301"/>
                  <a:pt x="733" y="296"/>
                  <a:pt x="733" y="289"/>
                </a:cubicBezTo>
                <a:cubicBezTo>
                  <a:pt x="733" y="282"/>
                  <a:pt x="727" y="276"/>
                  <a:pt x="720" y="276"/>
                </a:cubicBezTo>
                <a:cubicBezTo>
                  <a:pt x="713" y="276"/>
                  <a:pt x="707" y="282"/>
                  <a:pt x="707" y="289"/>
                </a:cubicBezTo>
                <a:cubicBezTo>
                  <a:pt x="707" y="296"/>
                  <a:pt x="713" y="301"/>
                  <a:pt x="720" y="301"/>
                </a:cubicBezTo>
                <a:close/>
                <a:moveTo>
                  <a:pt x="759" y="301"/>
                </a:moveTo>
                <a:cubicBezTo>
                  <a:pt x="766" y="301"/>
                  <a:pt x="772" y="296"/>
                  <a:pt x="772" y="289"/>
                </a:cubicBezTo>
                <a:cubicBezTo>
                  <a:pt x="772" y="282"/>
                  <a:pt x="766" y="276"/>
                  <a:pt x="759" y="276"/>
                </a:cubicBezTo>
                <a:cubicBezTo>
                  <a:pt x="752" y="276"/>
                  <a:pt x="747" y="282"/>
                  <a:pt x="747" y="289"/>
                </a:cubicBezTo>
                <a:cubicBezTo>
                  <a:pt x="747" y="296"/>
                  <a:pt x="752" y="301"/>
                  <a:pt x="759" y="301"/>
                </a:cubicBezTo>
                <a:close/>
                <a:moveTo>
                  <a:pt x="786" y="289"/>
                </a:moveTo>
                <a:cubicBezTo>
                  <a:pt x="786" y="296"/>
                  <a:pt x="792" y="301"/>
                  <a:pt x="799" y="301"/>
                </a:cubicBezTo>
                <a:cubicBezTo>
                  <a:pt x="806" y="301"/>
                  <a:pt x="811" y="296"/>
                  <a:pt x="811" y="289"/>
                </a:cubicBezTo>
                <a:cubicBezTo>
                  <a:pt x="811" y="282"/>
                  <a:pt x="806" y="276"/>
                  <a:pt x="799" y="276"/>
                </a:cubicBezTo>
                <a:cubicBezTo>
                  <a:pt x="792" y="276"/>
                  <a:pt x="786" y="282"/>
                  <a:pt x="786" y="289"/>
                </a:cubicBezTo>
                <a:close/>
                <a:moveTo>
                  <a:pt x="838" y="301"/>
                </a:moveTo>
                <a:cubicBezTo>
                  <a:pt x="845" y="301"/>
                  <a:pt x="851" y="296"/>
                  <a:pt x="851" y="289"/>
                </a:cubicBezTo>
                <a:cubicBezTo>
                  <a:pt x="851" y="282"/>
                  <a:pt x="845" y="276"/>
                  <a:pt x="838" y="276"/>
                </a:cubicBezTo>
                <a:cubicBezTo>
                  <a:pt x="831" y="276"/>
                  <a:pt x="825" y="282"/>
                  <a:pt x="825" y="289"/>
                </a:cubicBezTo>
                <a:cubicBezTo>
                  <a:pt x="825" y="296"/>
                  <a:pt x="831" y="301"/>
                  <a:pt x="838" y="301"/>
                </a:cubicBezTo>
                <a:close/>
                <a:moveTo>
                  <a:pt x="956" y="301"/>
                </a:moveTo>
                <a:cubicBezTo>
                  <a:pt x="963" y="301"/>
                  <a:pt x="969" y="296"/>
                  <a:pt x="969" y="289"/>
                </a:cubicBezTo>
                <a:cubicBezTo>
                  <a:pt x="969" y="282"/>
                  <a:pt x="963" y="276"/>
                  <a:pt x="956" y="276"/>
                </a:cubicBezTo>
                <a:cubicBezTo>
                  <a:pt x="949" y="276"/>
                  <a:pt x="944" y="282"/>
                  <a:pt x="944" y="289"/>
                </a:cubicBezTo>
                <a:cubicBezTo>
                  <a:pt x="944" y="296"/>
                  <a:pt x="949" y="301"/>
                  <a:pt x="956" y="301"/>
                </a:cubicBezTo>
                <a:close/>
                <a:moveTo>
                  <a:pt x="996" y="301"/>
                </a:moveTo>
                <a:cubicBezTo>
                  <a:pt x="1003" y="301"/>
                  <a:pt x="1009" y="296"/>
                  <a:pt x="1009" y="289"/>
                </a:cubicBezTo>
                <a:cubicBezTo>
                  <a:pt x="1009" y="282"/>
                  <a:pt x="1003" y="276"/>
                  <a:pt x="996" y="276"/>
                </a:cubicBezTo>
                <a:cubicBezTo>
                  <a:pt x="989" y="276"/>
                  <a:pt x="983" y="282"/>
                  <a:pt x="983" y="289"/>
                </a:cubicBezTo>
                <a:cubicBezTo>
                  <a:pt x="983" y="296"/>
                  <a:pt x="989" y="301"/>
                  <a:pt x="996" y="301"/>
                </a:cubicBezTo>
                <a:close/>
                <a:moveTo>
                  <a:pt x="1193" y="301"/>
                </a:moveTo>
                <a:cubicBezTo>
                  <a:pt x="1200" y="301"/>
                  <a:pt x="1206" y="296"/>
                  <a:pt x="1206" y="289"/>
                </a:cubicBezTo>
                <a:cubicBezTo>
                  <a:pt x="1206" y="282"/>
                  <a:pt x="1200" y="276"/>
                  <a:pt x="1193" y="276"/>
                </a:cubicBezTo>
                <a:cubicBezTo>
                  <a:pt x="1186" y="276"/>
                  <a:pt x="1180" y="282"/>
                  <a:pt x="1180" y="289"/>
                </a:cubicBezTo>
                <a:cubicBezTo>
                  <a:pt x="1180" y="296"/>
                  <a:pt x="1186" y="301"/>
                  <a:pt x="1193" y="301"/>
                </a:cubicBezTo>
                <a:close/>
                <a:moveTo>
                  <a:pt x="1232" y="301"/>
                </a:moveTo>
                <a:cubicBezTo>
                  <a:pt x="1239" y="301"/>
                  <a:pt x="1245" y="296"/>
                  <a:pt x="1245" y="289"/>
                </a:cubicBezTo>
                <a:cubicBezTo>
                  <a:pt x="1245" y="282"/>
                  <a:pt x="1239" y="276"/>
                  <a:pt x="1232" y="276"/>
                </a:cubicBezTo>
                <a:cubicBezTo>
                  <a:pt x="1225" y="276"/>
                  <a:pt x="1220" y="282"/>
                  <a:pt x="1220" y="289"/>
                </a:cubicBezTo>
                <a:cubicBezTo>
                  <a:pt x="1220" y="296"/>
                  <a:pt x="1225" y="301"/>
                  <a:pt x="1232" y="301"/>
                </a:cubicBezTo>
                <a:close/>
                <a:moveTo>
                  <a:pt x="1272" y="301"/>
                </a:moveTo>
                <a:cubicBezTo>
                  <a:pt x="1279" y="301"/>
                  <a:pt x="1285" y="296"/>
                  <a:pt x="1285" y="289"/>
                </a:cubicBezTo>
                <a:cubicBezTo>
                  <a:pt x="1285" y="282"/>
                  <a:pt x="1279" y="276"/>
                  <a:pt x="1272" y="276"/>
                </a:cubicBezTo>
                <a:cubicBezTo>
                  <a:pt x="1265" y="276"/>
                  <a:pt x="1259" y="282"/>
                  <a:pt x="1259" y="289"/>
                </a:cubicBezTo>
                <a:cubicBezTo>
                  <a:pt x="1259" y="296"/>
                  <a:pt x="1265" y="301"/>
                  <a:pt x="1272" y="301"/>
                </a:cubicBezTo>
                <a:close/>
                <a:moveTo>
                  <a:pt x="1311" y="301"/>
                </a:moveTo>
                <a:cubicBezTo>
                  <a:pt x="1318" y="301"/>
                  <a:pt x="1324" y="296"/>
                  <a:pt x="1324" y="289"/>
                </a:cubicBezTo>
                <a:cubicBezTo>
                  <a:pt x="1324" y="282"/>
                  <a:pt x="1318" y="276"/>
                  <a:pt x="1311" y="276"/>
                </a:cubicBezTo>
                <a:cubicBezTo>
                  <a:pt x="1304" y="276"/>
                  <a:pt x="1298" y="282"/>
                  <a:pt x="1298" y="289"/>
                </a:cubicBezTo>
                <a:cubicBezTo>
                  <a:pt x="1298" y="296"/>
                  <a:pt x="1304" y="301"/>
                  <a:pt x="1311" y="301"/>
                </a:cubicBezTo>
                <a:close/>
                <a:moveTo>
                  <a:pt x="1351" y="276"/>
                </a:moveTo>
                <a:cubicBezTo>
                  <a:pt x="1344" y="276"/>
                  <a:pt x="1338" y="282"/>
                  <a:pt x="1338" y="289"/>
                </a:cubicBezTo>
                <a:cubicBezTo>
                  <a:pt x="1338" y="296"/>
                  <a:pt x="1344" y="301"/>
                  <a:pt x="1351" y="301"/>
                </a:cubicBezTo>
                <a:cubicBezTo>
                  <a:pt x="1358" y="301"/>
                  <a:pt x="1363" y="296"/>
                  <a:pt x="1363" y="289"/>
                </a:cubicBezTo>
                <a:cubicBezTo>
                  <a:pt x="1363" y="282"/>
                  <a:pt x="1358" y="276"/>
                  <a:pt x="1351" y="276"/>
                </a:cubicBezTo>
                <a:close/>
                <a:moveTo>
                  <a:pt x="1390" y="276"/>
                </a:moveTo>
                <a:cubicBezTo>
                  <a:pt x="1383" y="276"/>
                  <a:pt x="1377" y="282"/>
                  <a:pt x="1377" y="289"/>
                </a:cubicBezTo>
                <a:cubicBezTo>
                  <a:pt x="1377" y="296"/>
                  <a:pt x="1383" y="301"/>
                  <a:pt x="1390" y="301"/>
                </a:cubicBezTo>
                <a:cubicBezTo>
                  <a:pt x="1397" y="301"/>
                  <a:pt x="1403" y="296"/>
                  <a:pt x="1403" y="289"/>
                </a:cubicBezTo>
                <a:cubicBezTo>
                  <a:pt x="1403" y="282"/>
                  <a:pt x="1397" y="276"/>
                  <a:pt x="1390" y="276"/>
                </a:cubicBezTo>
                <a:close/>
                <a:moveTo>
                  <a:pt x="1429" y="276"/>
                </a:moveTo>
                <a:cubicBezTo>
                  <a:pt x="1422" y="276"/>
                  <a:pt x="1417" y="282"/>
                  <a:pt x="1417" y="289"/>
                </a:cubicBezTo>
                <a:cubicBezTo>
                  <a:pt x="1417" y="296"/>
                  <a:pt x="1422" y="301"/>
                  <a:pt x="1429" y="301"/>
                </a:cubicBezTo>
                <a:cubicBezTo>
                  <a:pt x="1437" y="301"/>
                  <a:pt x="1442" y="296"/>
                  <a:pt x="1442" y="289"/>
                </a:cubicBezTo>
                <a:cubicBezTo>
                  <a:pt x="1442" y="282"/>
                  <a:pt x="1437" y="276"/>
                  <a:pt x="1429" y="276"/>
                </a:cubicBezTo>
                <a:close/>
                <a:moveTo>
                  <a:pt x="1859" y="289"/>
                </a:moveTo>
                <a:cubicBezTo>
                  <a:pt x="1859" y="291"/>
                  <a:pt x="1861" y="293"/>
                  <a:pt x="1863" y="293"/>
                </a:cubicBezTo>
                <a:cubicBezTo>
                  <a:pt x="1865" y="293"/>
                  <a:pt x="1867" y="291"/>
                  <a:pt x="1867" y="289"/>
                </a:cubicBezTo>
                <a:cubicBezTo>
                  <a:pt x="1867" y="286"/>
                  <a:pt x="1865" y="284"/>
                  <a:pt x="1863" y="284"/>
                </a:cubicBezTo>
                <a:cubicBezTo>
                  <a:pt x="1861" y="284"/>
                  <a:pt x="1859" y="286"/>
                  <a:pt x="1859" y="289"/>
                </a:cubicBezTo>
                <a:close/>
                <a:moveTo>
                  <a:pt x="1903" y="301"/>
                </a:moveTo>
                <a:cubicBezTo>
                  <a:pt x="1910" y="301"/>
                  <a:pt x="1915" y="296"/>
                  <a:pt x="1915" y="289"/>
                </a:cubicBezTo>
                <a:cubicBezTo>
                  <a:pt x="1915" y="282"/>
                  <a:pt x="1910" y="276"/>
                  <a:pt x="1903" y="276"/>
                </a:cubicBezTo>
                <a:cubicBezTo>
                  <a:pt x="1896" y="276"/>
                  <a:pt x="1890" y="282"/>
                  <a:pt x="1890" y="289"/>
                </a:cubicBezTo>
                <a:cubicBezTo>
                  <a:pt x="1890" y="296"/>
                  <a:pt x="1896" y="301"/>
                  <a:pt x="1903" y="301"/>
                </a:cubicBezTo>
                <a:close/>
                <a:moveTo>
                  <a:pt x="1942" y="301"/>
                </a:moveTo>
                <a:cubicBezTo>
                  <a:pt x="1949" y="301"/>
                  <a:pt x="1955" y="296"/>
                  <a:pt x="1955" y="289"/>
                </a:cubicBezTo>
                <a:cubicBezTo>
                  <a:pt x="1955" y="282"/>
                  <a:pt x="1949" y="276"/>
                  <a:pt x="1942" y="276"/>
                </a:cubicBezTo>
                <a:cubicBezTo>
                  <a:pt x="1935" y="276"/>
                  <a:pt x="1929" y="282"/>
                  <a:pt x="1929" y="289"/>
                </a:cubicBezTo>
                <a:cubicBezTo>
                  <a:pt x="1929" y="296"/>
                  <a:pt x="1935" y="301"/>
                  <a:pt x="1942" y="301"/>
                </a:cubicBezTo>
                <a:close/>
                <a:moveTo>
                  <a:pt x="1981" y="301"/>
                </a:moveTo>
                <a:cubicBezTo>
                  <a:pt x="1988" y="301"/>
                  <a:pt x="1994" y="296"/>
                  <a:pt x="1994" y="289"/>
                </a:cubicBezTo>
                <a:cubicBezTo>
                  <a:pt x="1994" y="282"/>
                  <a:pt x="1988" y="276"/>
                  <a:pt x="1981" y="276"/>
                </a:cubicBezTo>
                <a:cubicBezTo>
                  <a:pt x="1974" y="276"/>
                  <a:pt x="1969" y="282"/>
                  <a:pt x="1969" y="289"/>
                </a:cubicBezTo>
                <a:cubicBezTo>
                  <a:pt x="1969" y="296"/>
                  <a:pt x="1974" y="301"/>
                  <a:pt x="1981" y="301"/>
                </a:cubicBezTo>
                <a:close/>
                <a:moveTo>
                  <a:pt x="2021" y="301"/>
                </a:moveTo>
                <a:cubicBezTo>
                  <a:pt x="2028" y="301"/>
                  <a:pt x="2034" y="296"/>
                  <a:pt x="2034" y="289"/>
                </a:cubicBezTo>
                <a:cubicBezTo>
                  <a:pt x="2034" y="282"/>
                  <a:pt x="2028" y="276"/>
                  <a:pt x="2021" y="276"/>
                </a:cubicBezTo>
                <a:cubicBezTo>
                  <a:pt x="2014" y="276"/>
                  <a:pt x="2008" y="282"/>
                  <a:pt x="2008" y="289"/>
                </a:cubicBezTo>
                <a:cubicBezTo>
                  <a:pt x="2008" y="296"/>
                  <a:pt x="2014" y="301"/>
                  <a:pt x="2021" y="301"/>
                </a:cubicBezTo>
                <a:close/>
                <a:moveTo>
                  <a:pt x="2060" y="301"/>
                </a:moveTo>
                <a:cubicBezTo>
                  <a:pt x="2067" y="301"/>
                  <a:pt x="2073" y="296"/>
                  <a:pt x="2073" y="289"/>
                </a:cubicBezTo>
                <a:cubicBezTo>
                  <a:pt x="2073" y="282"/>
                  <a:pt x="2067" y="276"/>
                  <a:pt x="2060" y="276"/>
                </a:cubicBezTo>
                <a:cubicBezTo>
                  <a:pt x="2053" y="276"/>
                  <a:pt x="2048" y="282"/>
                  <a:pt x="2048" y="289"/>
                </a:cubicBezTo>
                <a:cubicBezTo>
                  <a:pt x="2048" y="296"/>
                  <a:pt x="2053" y="301"/>
                  <a:pt x="2060" y="301"/>
                </a:cubicBezTo>
                <a:close/>
                <a:moveTo>
                  <a:pt x="2288" y="289"/>
                </a:moveTo>
                <a:cubicBezTo>
                  <a:pt x="2288" y="293"/>
                  <a:pt x="2292" y="297"/>
                  <a:pt x="2297" y="297"/>
                </a:cubicBezTo>
                <a:cubicBezTo>
                  <a:pt x="2302" y="297"/>
                  <a:pt x="2305" y="293"/>
                  <a:pt x="2305" y="289"/>
                </a:cubicBezTo>
                <a:cubicBezTo>
                  <a:pt x="2305" y="284"/>
                  <a:pt x="2302" y="280"/>
                  <a:pt x="2297" y="280"/>
                </a:cubicBezTo>
                <a:cubicBezTo>
                  <a:pt x="2292" y="280"/>
                  <a:pt x="2288" y="284"/>
                  <a:pt x="2288" y="289"/>
                </a:cubicBezTo>
                <a:close/>
                <a:moveTo>
                  <a:pt x="2336" y="301"/>
                </a:moveTo>
                <a:cubicBezTo>
                  <a:pt x="2343" y="301"/>
                  <a:pt x="2349" y="296"/>
                  <a:pt x="2349" y="289"/>
                </a:cubicBezTo>
                <a:cubicBezTo>
                  <a:pt x="2349" y="282"/>
                  <a:pt x="2343" y="276"/>
                  <a:pt x="2336" y="276"/>
                </a:cubicBezTo>
                <a:cubicBezTo>
                  <a:pt x="2329" y="276"/>
                  <a:pt x="2323" y="282"/>
                  <a:pt x="2323" y="289"/>
                </a:cubicBezTo>
                <a:cubicBezTo>
                  <a:pt x="2323" y="296"/>
                  <a:pt x="2329" y="301"/>
                  <a:pt x="2336" y="301"/>
                </a:cubicBezTo>
                <a:close/>
                <a:moveTo>
                  <a:pt x="2415" y="301"/>
                </a:moveTo>
                <a:cubicBezTo>
                  <a:pt x="2422" y="301"/>
                  <a:pt x="2428" y="296"/>
                  <a:pt x="2428" y="289"/>
                </a:cubicBezTo>
                <a:cubicBezTo>
                  <a:pt x="2428" y="282"/>
                  <a:pt x="2422" y="276"/>
                  <a:pt x="2415" y="276"/>
                </a:cubicBezTo>
                <a:cubicBezTo>
                  <a:pt x="2408" y="276"/>
                  <a:pt x="2402" y="282"/>
                  <a:pt x="2402" y="289"/>
                </a:cubicBezTo>
                <a:cubicBezTo>
                  <a:pt x="2402" y="296"/>
                  <a:pt x="2408" y="301"/>
                  <a:pt x="2415" y="301"/>
                </a:cubicBezTo>
                <a:close/>
                <a:moveTo>
                  <a:pt x="2494" y="301"/>
                </a:moveTo>
                <a:cubicBezTo>
                  <a:pt x="2501" y="301"/>
                  <a:pt x="2507" y="296"/>
                  <a:pt x="2507" y="289"/>
                </a:cubicBezTo>
                <a:cubicBezTo>
                  <a:pt x="2507" y="282"/>
                  <a:pt x="2501" y="276"/>
                  <a:pt x="2494" y="276"/>
                </a:cubicBezTo>
                <a:cubicBezTo>
                  <a:pt x="2487" y="276"/>
                  <a:pt x="2481" y="282"/>
                  <a:pt x="2481" y="289"/>
                </a:cubicBezTo>
                <a:cubicBezTo>
                  <a:pt x="2481" y="296"/>
                  <a:pt x="2487" y="301"/>
                  <a:pt x="2494" y="301"/>
                </a:cubicBezTo>
                <a:close/>
                <a:moveTo>
                  <a:pt x="2533" y="301"/>
                </a:moveTo>
                <a:cubicBezTo>
                  <a:pt x="2540" y="301"/>
                  <a:pt x="2546" y="296"/>
                  <a:pt x="2546" y="289"/>
                </a:cubicBezTo>
                <a:cubicBezTo>
                  <a:pt x="2546" y="282"/>
                  <a:pt x="2540" y="276"/>
                  <a:pt x="2533" y="276"/>
                </a:cubicBezTo>
                <a:cubicBezTo>
                  <a:pt x="2526" y="276"/>
                  <a:pt x="2521" y="282"/>
                  <a:pt x="2521" y="289"/>
                </a:cubicBezTo>
                <a:cubicBezTo>
                  <a:pt x="2521" y="296"/>
                  <a:pt x="2526" y="301"/>
                  <a:pt x="2533" y="301"/>
                </a:cubicBezTo>
                <a:close/>
                <a:moveTo>
                  <a:pt x="2573" y="301"/>
                </a:moveTo>
                <a:cubicBezTo>
                  <a:pt x="2580" y="301"/>
                  <a:pt x="2586" y="296"/>
                  <a:pt x="2586" y="289"/>
                </a:cubicBezTo>
                <a:cubicBezTo>
                  <a:pt x="2586" y="282"/>
                  <a:pt x="2580" y="276"/>
                  <a:pt x="2573" y="276"/>
                </a:cubicBezTo>
                <a:cubicBezTo>
                  <a:pt x="2566" y="276"/>
                  <a:pt x="2560" y="282"/>
                  <a:pt x="2560" y="289"/>
                </a:cubicBezTo>
                <a:cubicBezTo>
                  <a:pt x="2560" y="296"/>
                  <a:pt x="2566" y="301"/>
                  <a:pt x="2573" y="301"/>
                </a:cubicBezTo>
                <a:close/>
                <a:moveTo>
                  <a:pt x="2612" y="301"/>
                </a:moveTo>
                <a:cubicBezTo>
                  <a:pt x="2619" y="301"/>
                  <a:pt x="2625" y="296"/>
                  <a:pt x="2625" y="289"/>
                </a:cubicBezTo>
                <a:cubicBezTo>
                  <a:pt x="2625" y="282"/>
                  <a:pt x="2619" y="276"/>
                  <a:pt x="2612" y="276"/>
                </a:cubicBezTo>
                <a:cubicBezTo>
                  <a:pt x="2605" y="276"/>
                  <a:pt x="2599" y="282"/>
                  <a:pt x="2599" y="289"/>
                </a:cubicBezTo>
                <a:cubicBezTo>
                  <a:pt x="2599" y="296"/>
                  <a:pt x="2605" y="301"/>
                  <a:pt x="2612" y="301"/>
                </a:cubicBezTo>
                <a:close/>
                <a:moveTo>
                  <a:pt x="2652" y="301"/>
                </a:moveTo>
                <a:cubicBezTo>
                  <a:pt x="2659" y="301"/>
                  <a:pt x="2664" y="296"/>
                  <a:pt x="2664" y="289"/>
                </a:cubicBezTo>
                <a:cubicBezTo>
                  <a:pt x="2664" y="282"/>
                  <a:pt x="2659" y="276"/>
                  <a:pt x="2652" y="276"/>
                </a:cubicBezTo>
                <a:cubicBezTo>
                  <a:pt x="2645" y="276"/>
                  <a:pt x="2639" y="282"/>
                  <a:pt x="2639" y="289"/>
                </a:cubicBezTo>
                <a:cubicBezTo>
                  <a:pt x="2639" y="296"/>
                  <a:pt x="2645" y="301"/>
                  <a:pt x="2652" y="301"/>
                </a:cubicBezTo>
                <a:close/>
                <a:moveTo>
                  <a:pt x="2691" y="301"/>
                </a:moveTo>
                <a:cubicBezTo>
                  <a:pt x="2698" y="301"/>
                  <a:pt x="2704" y="296"/>
                  <a:pt x="2704" y="289"/>
                </a:cubicBezTo>
                <a:cubicBezTo>
                  <a:pt x="2704" y="282"/>
                  <a:pt x="2698" y="276"/>
                  <a:pt x="2691" y="276"/>
                </a:cubicBezTo>
                <a:cubicBezTo>
                  <a:pt x="2684" y="276"/>
                  <a:pt x="2678" y="282"/>
                  <a:pt x="2678" y="289"/>
                </a:cubicBezTo>
                <a:cubicBezTo>
                  <a:pt x="2678" y="296"/>
                  <a:pt x="2684" y="301"/>
                  <a:pt x="2691" y="301"/>
                </a:cubicBezTo>
                <a:close/>
                <a:moveTo>
                  <a:pt x="2730" y="301"/>
                </a:moveTo>
                <a:cubicBezTo>
                  <a:pt x="2738" y="301"/>
                  <a:pt x="2743" y="296"/>
                  <a:pt x="2743" y="289"/>
                </a:cubicBezTo>
                <a:cubicBezTo>
                  <a:pt x="2743" y="282"/>
                  <a:pt x="2738" y="276"/>
                  <a:pt x="2730" y="276"/>
                </a:cubicBezTo>
                <a:cubicBezTo>
                  <a:pt x="2723" y="276"/>
                  <a:pt x="2718" y="282"/>
                  <a:pt x="2718" y="289"/>
                </a:cubicBezTo>
                <a:cubicBezTo>
                  <a:pt x="2718" y="296"/>
                  <a:pt x="2723" y="301"/>
                  <a:pt x="2730" y="301"/>
                </a:cubicBezTo>
                <a:close/>
                <a:moveTo>
                  <a:pt x="2770" y="301"/>
                </a:moveTo>
                <a:cubicBezTo>
                  <a:pt x="2777" y="301"/>
                  <a:pt x="2783" y="296"/>
                  <a:pt x="2783" y="289"/>
                </a:cubicBezTo>
                <a:cubicBezTo>
                  <a:pt x="2783" y="282"/>
                  <a:pt x="2777" y="276"/>
                  <a:pt x="2770" y="276"/>
                </a:cubicBezTo>
                <a:cubicBezTo>
                  <a:pt x="2763" y="276"/>
                  <a:pt x="2757" y="282"/>
                  <a:pt x="2757" y="289"/>
                </a:cubicBezTo>
                <a:cubicBezTo>
                  <a:pt x="2757" y="296"/>
                  <a:pt x="2763" y="301"/>
                  <a:pt x="2770" y="301"/>
                </a:cubicBezTo>
                <a:close/>
                <a:moveTo>
                  <a:pt x="2809" y="301"/>
                </a:moveTo>
                <a:cubicBezTo>
                  <a:pt x="2816" y="301"/>
                  <a:pt x="2822" y="296"/>
                  <a:pt x="2822" y="289"/>
                </a:cubicBezTo>
                <a:cubicBezTo>
                  <a:pt x="2822" y="282"/>
                  <a:pt x="2816" y="276"/>
                  <a:pt x="2809" y="276"/>
                </a:cubicBezTo>
                <a:cubicBezTo>
                  <a:pt x="2802" y="276"/>
                  <a:pt x="2797" y="282"/>
                  <a:pt x="2797" y="289"/>
                </a:cubicBezTo>
                <a:cubicBezTo>
                  <a:pt x="2797" y="296"/>
                  <a:pt x="2802" y="301"/>
                  <a:pt x="2809" y="301"/>
                </a:cubicBezTo>
                <a:close/>
                <a:moveTo>
                  <a:pt x="2849" y="301"/>
                </a:moveTo>
                <a:cubicBezTo>
                  <a:pt x="2856" y="301"/>
                  <a:pt x="2861" y="296"/>
                  <a:pt x="2861" y="289"/>
                </a:cubicBezTo>
                <a:cubicBezTo>
                  <a:pt x="2861" y="282"/>
                  <a:pt x="2856" y="276"/>
                  <a:pt x="2849" y="276"/>
                </a:cubicBezTo>
                <a:cubicBezTo>
                  <a:pt x="2842" y="276"/>
                  <a:pt x="2836" y="282"/>
                  <a:pt x="2836" y="289"/>
                </a:cubicBezTo>
                <a:cubicBezTo>
                  <a:pt x="2836" y="296"/>
                  <a:pt x="2842" y="301"/>
                  <a:pt x="2849" y="301"/>
                </a:cubicBezTo>
                <a:close/>
                <a:moveTo>
                  <a:pt x="2888" y="301"/>
                </a:moveTo>
                <a:cubicBezTo>
                  <a:pt x="2895" y="301"/>
                  <a:pt x="2901" y="296"/>
                  <a:pt x="2901" y="289"/>
                </a:cubicBezTo>
                <a:cubicBezTo>
                  <a:pt x="2901" y="282"/>
                  <a:pt x="2895" y="276"/>
                  <a:pt x="2888" y="276"/>
                </a:cubicBezTo>
                <a:cubicBezTo>
                  <a:pt x="2881" y="276"/>
                  <a:pt x="2875" y="282"/>
                  <a:pt x="2875" y="289"/>
                </a:cubicBezTo>
                <a:cubicBezTo>
                  <a:pt x="2875" y="296"/>
                  <a:pt x="2881" y="301"/>
                  <a:pt x="2888" y="301"/>
                </a:cubicBezTo>
                <a:close/>
                <a:moveTo>
                  <a:pt x="2928" y="301"/>
                </a:moveTo>
                <a:cubicBezTo>
                  <a:pt x="2935" y="301"/>
                  <a:pt x="2940" y="296"/>
                  <a:pt x="2940" y="289"/>
                </a:cubicBezTo>
                <a:cubicBezTo>
                  <a:pt x="2940" y="282"/>
                  <a:pt x="2935" y="276"/>
                  <a:pt x="2928" y="276"/>
                </a:cubicBezTo>
                <a:cubicBezTo>
                  <a:pt x="2921" y="276"/>
                  <a:pt x="2915" y="282"/>
                  <a:pt x="2915" y="289"/>
                </a:cubicBezTo>
                <a:cubicBezTo>
                  <a:pt x="2915" y="296"/>
                  <a:pt x="2921" y="301"/>
                  <a:pt x="2928" y="301"/>
                </a:cubicBezTo>
                <a:close/>
                <a:moveTo>
                  <a:pt x="2967" y="301"/>
                </a:moveTo>
                <a:cubicBezTo>
                  <a:pt x="2974" y="301"/>
                  <a:pt x="2980" y="296"/>
                  <a:pt x="2980" y="289"/>
                </a:cubicBezTo>
                <a:cubicBezTo>
                  <a:pt x="2980" y="282"/>
                  <a:pt x="2974" y="276"/>
                  <a:pt x="2967" y="276"/>
                </a:cubicBezTo>
                <a:cubicBezTo>
                  <a:pt x="2960" y="276"/>
                  <a:pt x="2954" y="282"/>
                  <a:pt x="2954" y="289"/>
                </a:cubicBezTo>
                <a:cubicBezTo>
                  <a:pt x="2954" y="296"/>
                  <a:pt x="2960" y="301"/>
                  <a:pt x="2967" y="301"/>
                </a:cubicBezTo>
                <a:close/>
                <a:moveTo>
                  <a:pt x="3006" y="301"/>
                </a:moveTo>
                <a:cubicBezTo>
                  <a:pt x="3013" y="301"/>
                  <a:pt x="3019" y="296"/>
                  <a:pt x="3019" y="289"/>
                </a:cubicBezTo>
                <a:cubicBezTo>
                  <a:pt x="3019" y="282"/>
                  <a:pt x="3013" y="276"/>
                  <a:pt x="3006" y="276"/>
                </a:cubicBezTo>
                <a:cubicBezTo>
                  <a:pt x="2999" y="276"/>
                  <a:pt x="2994" y="282"/>
                  <a:pt x="2994" y="289"/>
                </a:cubicBezTo>
                <a:cubicBezTo>
                  <a:pt x="2994" y="296"/>
                  <a:pt x="2999" y="301"/>
                  <a:pt x="3006" y="301"/>
                </a:cubicBezTo>
                <a:close/>
                <a:moveTo>
                  <a:pt x="3046" y="301"/>
                </a:moveTo>
                <a:cubicBezTo>
                  <a:pt x="3053" y="301"/>
                  <a:pt x="3059" y="296"/>
                  <a:pt x="3059" y="289"/>
                </a:cubicBezTo>
                <a:cubicBezTo>
                  <a:pt x="3059" y="282"/>
                  <a:pt x="3053" y="276"/>
                  <a:pt x="3046" y="276"/>
                </a:cubicBezTo>
                <a:cubicBezTo>
                  <a:pt x="3039" y="276"/>
                  <a:pt x="3033" y="282"/>
                  <a:pt x="3033" y="289"/>
                </a:cubicBezTo>
                <a:cubicBezTo>
                  <a:pt x="3033" y="296"/>
                  <a:pt x="3039" y="301"/>
                  <a:pt x="3046" y="301"/>
                </a:cubicBezTo>
                <a:close/>
                <a:moveTo>
                  <a:pt x="3085" y="301"/>
                </a:moveTo>
                <a:cubicBezTo>
                  <a:pt x="3092" y="301"/>
                  <a:pt x="3098" y="296"/>
                  <a:pt x="3098" y="289"/>
                </a:cubicBezTo>
                <a:cubicBezTo>
                  <a:pt x="3098" y="282"/>
                  <a:pt x="3092" y="276"/>
                  <a:pt x="3085" y="276"/>
                </a:cubicBezTo>
                <a:cubicBezTo>
                  <a:pt x="3078" y="276"/>
                  <a:pt x="3073" y="282"/>
                  <a:pt x="3073" y="289"/>
                </a:cubicBezTo>
                <a:cubicBezTo>
                  <a:pt x="3073" y="296"/>
                  <a:pt x="3078" y="301"/>
                  <a:pt x="3085" y="301"/>
                </a:cubicBezTo>
                <a:close/>
                <a:moveTo>
                  <a:pt x="3125" y="301"/>
                </a:moveTo>
                <a:cubicBezTo>
                  <a:pt x="3132" y="301"/>
                  <a:pt x="3137" y="296"/>
                  <a:pt x="3137" y="289"/>
                </a:cubicBezTo>
                <a:cubicBezTo>
                  <a:pt x="3137" y="282"/>
                  <a:pt x="3132" y="276"/>
                  <a:pt x="3125" y="276"/>
                </a:cubicBezTo>
                <a:cubicBezTo>
                  <a:pt x="3118" y="276"/>
                  <a:pt x="3112" y="282"/>
                  <a:pt x="3112" y="289"/>
                </a:cubicBezTo>
                <a:cubicBezTo>
                  <a:pt x="3112" y="296"/>
                  <a:pt x="3118" y="301"/>
                  <a:pt x="3125" y="301"/>
                </a:cubicBezTo>
                <a:close/>
                <a:moveTo>
                  <a:pt x="3164" y="301"/>
                </a:moveTo>
                <a:cubicBezTo>
                  <a:pt x="3171" y="301"/>
                  <a:pt x="3177" y="296"/>
                  <a:pt x="3177" y="289"/>
                </a:cubicBezTo>
                <a:cubicBezTo>
                  <a:pt x="3177" y="282"/>
                  <a:pt x="3171" y="276"/>
                  <a:pt x="3164" y="276"/>
                </a:cubicBezTo>
                <a:cubicBezTo>
                  <a:pt x="3157" y="276"/>
                  <a:pt x="3151" y="282"/>
                  <a:pt x="3151" y="289"/>
                </a:cubicBezTo>
                <a:cubicBezTo>
                  <a:pt x="3151" y="296"/>
                  <a:pt x="3157" y="301"/>
                  <a:pt x="3164" y="301"/>
                </a:cubicBezTo>
                <a:close/>
                <a:moveTo>
                  <a:pt x="3204" y="301"/>
                </a:moveTo>
                <a:cubicBezTo>
                  <a:pt x="3211" y="301"/>
                  <a:pt x="3216" y="296"/>
                  <a:pt x="3216" y="289"/>
                </a:cubicBezTo>
                <a:cubicBezTo>
                  <a:pt x="3216" y="282"/>
                  <a:pt x="3211" y="276"/>
                  <a:pt x="3204" y="276"/>
                </a:cubicBezTo>
                <a:cubicBezTo>
                  <a:pt x="3197" y="276"/>
                  <a:pt x="3191" y="282"/>
                  <a:pt x="3191" y="289"/>
                </a:cubicBezTo>
                <a:cubicBezTo>
                  <a:pt x="3191" y="296"/>
                  <a:pt x="3197" y="301"/>
                  <a:pt x="3204" y="301"/>
                </a:cubicBezTo>
                <a:close/>
                <a:moveTo>
                  <a:pt x="3243" y="301"/>
                </a:moveTo>
                <a:cubicBezTo>
                  <a:pt x="3250" y="301"/>
                  <a:pt x="3256" y="296"/>
                  <a:pt x="3256" y="289"/>
                </a:cubicBezTo>
                <a:cubicBezTo>
                  <a:pt x="3256" y="282"/>
                  <a:pt x="3250" y="276"/>
                  <a:pt x="3243" y="276"/>
                </a:cubicBezTo>
                <a:cubicBezTo>
                  <a:pt x="3236" y="276"/>
                  <a:pt x="3230" y="282"/>
                  <a:pt x="3230" y="289"/>
                </a:cubicBezTo>
                <a:cubicBezTo>
                  <a:pt x="3230" y="296"/>
                  <a:pt x="3236" y="301"/>
                  <a:pt x="3243" y="301"/>
                </a:cubicBezTo>
                <a:close/>
                <a:moveTo>
                  <a:pt x="3282" y="301"/>
                </a:moveTo>
                <a:cubicBezTo>
                  <a:pt x="3289" y="301"/>
                  <a:pt x="3295" y="296"/>
                  <a:pt x="3295" y="289"/>
                </a:cubicBezTo>
                <a:cubicBezTo>
                  <a:pt x="3295" y="282"/>
                  <a:pt x="3289" y="276"/>
                  <a:pt x="3282" y="276"/>
                </a:cubicBezTo>
                <a:cubicBezTo>
                  <a:pt x="3275" y="276"/>
                  <a:pt x="3270" y="282"/>
                  <a:pt x="3270" y="289"/>
                </a:cubicBezTo>
                <a:cubicBezTo>
                  <a:pt x="3270" y="296"/>
                  <a:pt x="3275" y="301"/>
                  <a:pt x="3282" y="301"/>
                </a:cubicBezTo>
                <a:close/>
                <a:moveTo>
                  <a:pt x="3322" y="301"/>
                </a:moveTo>
                <a:cubicBezTo>
                  <a:pt x="3329" y="301"/>
                  <a:pt x="3335" y="296"/>
                  <a:pt x="3335" y="289"/>
                </a:cubicBezTo>
                <a:cubicBezTo>
                  <a:pt x="3335" y="282"/>
                  <a:pt x="3329" y="276"/>
                  <a:pt x="3322" y="276"/>
                </a:cubicBezTo>
                <a:cubicBezTo>
                  <a:pt x="3315" y="276"/>
                  <a:pt x="3309" y="282"/>
                  <a:pt x="3309" y="289"/>
                </a:cubicBezTo>
                <a:cubicBezTo>
                  <a:pt x="3309" y="296"/>
                  <a:pt x="3315" y="301"/>
                  <a:pt x="3322" y="301"/>
                </a:cubicBezTo>
                <a:close/>
                <a:moveTo>
                  <a:pt x="3361" y="301"/>
                </a:moveTo>
                <a:cubicBezTo>
                  <a:pt x="3368" y="301"/>
                  <a:pt x="3374" y="296"/>
                  <a:pt x="3374" y="289"/>
                </a:cubicBezTo>
                <a:cubicBezTo>
                  <a:pt x="3374" y="282"/>
                  <a:pt x="3368" y="276"/>
                  <a:pt x="3361" y="276"/>
                </a:cubicBezTo>
                <a:cubicBezTo>
                  <a:pt x="3354" y="276"/>
                  <a:pt x="3348" y="282"/>
                  <a:pt x="3348" y="289"/>
                </a:cubicBezTo>
                <a:cubicBezTo>
                  <a:pt x="3348" y="296"/>
                  <a:pt x="3354" y="301"/>
                  <a:pt x="3361" y="301"/>
                </a:cubicBezTo>
                <a:close/>
                <a:moveTo>
                  <a:pt x="3401" y="301"/>
                </a:moveTo>
                <a:cubicBezTo>
                  <a:pt x="3408" y="301"/>
                  <a:pt x="3413" y="296"/>
                  <a:pt x="3413" y="289"/>
                </a:cubicBezTo>
                <a:cubicBezTo>
                  <a:pt x="3413" y="282"/>
                  <a:pt x="3408" y="276"/>
                  <a:pt x="3401" y="276"/>
                </a:cubicBezTo>
                <a:cubicBezTo>
                  <a:pt x="3394" y="276"/>
                  <a:pt x="3388" y="282"/>
                  <a:pt x="3388" y="289"/>
                </a:cubicBezTo>
                <a:cubicBezTo>
                  <a:pt x="3388" y="296"/>
                  <a:pt x="3394" y="301"/>
                  <a:pt x="3401" y="301"/>
                </a:cubicBezTo>
                <a:close/>
                <a:moveTo>
                  <a:pt x="3440" y="301"/>
                </a:moveTo>
                <a:cubicBezTo>
                  <a:pt x="3447" y="301"/>
                  <a:pt x="3453" y="296"/>
                  <a:pt x="3453" y="289"/>
                </a:cubicBezTo>
                <a:cubicBezTo>
                  <a:pt x="3453" y="282"/>
                  <a:pt x="3447" y="276"/>
                  <a:pt x="3440" y="276"/>
                </a:cubicBezTo>
                <a:cubicBezTo>
                  <a:pt x="3433" y="276"/>
                  <a:pt x="3427" y="282"/>
                  <a:pt x="3427" y="289"/>
                </a:cubicBezTo>
                <a:cubicBezTo>
                  <a:pt x="3427" y="296"/>
                  <a:pt x="3433" y="301"/>
                  <a:pt x="3440" y="301"/>
                </a:cubicBezTo>
                <a:close/>
                <a:moveTo>
                  <a:pt x="3480" y="301"/>
                </a:moveTo>
                <a:cubicBezTo>
                  <a:pt x="3487" y="301"/>
                  <a:pt x="3492" y="296"/>
                  <a:pt x="3492" y="289"/>
                </a:cubicBezTo>
                <a:cubicBezTo>
                  <a:pt x="3492" y="282"/>
                  <a:pt x="3487" y="276"/>
                  <a:pt x="3480" y="276"/>
                </a:cubicBezTo>
                <a:cubicBezTo>
                  <a:pt x="3472" y="276"/>
                  <a:pt x="3467" y="282"/>
                  <a:pt x="3467" y="289"/>
                </a:cubicBezTo>
                <a:cubicBezTo>
                  <a:pt x="3467" y="296"/>
                  <a:pt x="3472" y="301"/>
                  <a:pt x="3480" y="301"/>
                </a:cubicBezTo>
                <a:close/>
                <a:moveTo>
                  <a:pt x="3519" y="301"/>
                </a:moveTo>
                <a:cubicBezTo>
                  <a:pt x="3526" y="301"/>
                  <a:pt x="3532" y="296"/>
                  <a:pt x="3532" y="289"/>
                </a:cubicBezTo>
                <a:cubicBezTo>
                  <a:pt x="3532" y="282"/>
                  <a:pt x="3526" y="276"/>
                  <a:pt x="3519" y="276"/>
                </a:cubicBezTo>
                <a:cubicBezTo>
                  <a:pt x="3512" y="276"/>
                  <a:pt x="3506" y="282"/>
                  <a:pt x="3506" y="289"/>
                </a:cubicBezTo>
                <a:cubicBezTo>
                  <a:pt x="3506" y="296"/>
                  <a:pt x="3512" y="301"/>
                  <a:pt x="3519" y="301"/>
                </a:cubicBezTo>
                <a:close/>
                <a:moveTo>
                  <a:pt x="89" y="341"/>
                </a:moveTo>
                <a:cubicBezTo>
                  <a:pt x="96" y="341"/>
                  <a:pt x="102" y="335"/>
                  <a:pt x="102" y="328"/>
                </a:cubicBezTo>
                <a:cubicBezTo>
                  <a:pt x="102" y="321"/>
                  <a:pt x="96" y="315"/>
                  <a:pt x="89" y="315"/>
                </a:cubicBezTo>
                <a:cubicBezTo>
                  <a:pt x="82" y="315"/>
                  <a:pt x="76" y="321"/>
                  <a:pt x="76" y="328"/>
                </a:cubicBezTo>
                <a:cubicBezTo>
                  <a:pt x="76" y="335"/>
                  <a:pt x="82" y="341"/>
                  <a:pt x="89" y="341"/>
                </a:cubicBezTo>
                <a:close/>
                <a:moveTo>
                  <a:pt x="128" y="341"/>
                </a:moveTo>
                <a:cubicBezTo>
                  <a:pt x="136" y="341"/>
                  <a:pt x="141" y="335"/>
                  <a:pt x="141" y="328"/>
                </a:cubicBezTo>
                <a:cubicBezTo>
                  <a:pt x="141" y="321"/>
                  <a:pt x="136" y="315"/>
                  <a:pt x="128" y="315"/>
                </a:cubicBezTo>
                <a:cubicBezTo>
                  <a:pt x="121" y="315"/>
                  <a:pt x="116" y="321"/>
                  <a:pt x="116" y="328"/>
                </a:cubicBezTo>
                <a:cubicBezTo>
                  <a:pt x="116" y="335"/>
                  <a:pt x="121" y="341"/>
                  <a:pt x="128" y="341"/>
                </a:cubicBezTo>
                <a:close/>
                <a:moveTo>
                  <a:pt x="168" y="341"/>
                </a:moveTo>
                <a:cubicBezTo>
                  <a:pt x="175" y="341"/>
                  <a:pt x="181" y="335"/>
                  <a:pt x="181" y="328"/>
                </a:cubicBezTo>
                <a:cubicBezTo>
                  <a:pt x="181" y="321"/>
                  <a:pt x="175" y="315"/>
                  <a:pt x="168" y="315"/>
                </a:cubicBezTo>
                <a:cubicBezTo>
                  <a:pt x="161" y="315"/>
                  <a:pt x="155" y="321"/>
                  <a:pt x="155" y="328"/>
                </a:cubicBezTo>
                <a:cubicBezTo>
                  <a:pt x="155" y="335"/>
                  <a:pt x="161" y="341"/>
                  <a:pt x="168" y="341"/>
                </a:cubicBezTo>
                <a:close/>
                <a:moveTo>
                  <a:pt x="207" y="341"/>
                </a:moveTo>
                <a:cubicBezTo>
                  <a:pt x="214" y="341"/>
                  <a:pt x="220" y="335"/>
                  <a:pt x="220" y="328"/>
                </a:cubicBezTo>
                <a:cubicBezTo>
                  <a:pt x="220" y="321"/>
                  <a:pt x="214" y="315"/>
                  <a:pt x="207" y="315"/>
                </a:cubicBezTo>
                <a:cubicBezTo>
                  <a:pt x="200" y="315"/>
                  <a:pt x="195" y="321"/>
                  <a:pt x="195" y="328"/>
                </a:cubicBezTo>
                <a:cubicBezTo>
                  <a:pt x="195" y="335"/>
                  <a:pt x="200" y="341"/>
                  <a:pt x="207" y="341"/>
                </a:cubicBezTo>
                <a:close/>
                <a:moveTo>
                  <a:pt x="247" y="341"/>
                </a:moveTo>
                <a:cubicBezTo>
                  <a:pt x="254" y="341"/>
                  <a:pt x="259" y="335"/>
                  <a:pt x="259" y="328"/>
                </a:cubicBezTo>
                <a:cubicBezTo>
                  <a:pt x="259" y="321"/>
                  <a:pt x="254" y="315"/>
                  <a:pt x="247" y="315"/>
                </a:cubicBezTo>
                <a:cubicBezTo>
                  <a:pt x="240" y="315"/>
                  <a:pt x="234" y="321"/>
                  <a:pt x="234" y="328"/>
                </a:cubicBezTo>
                <a:cubicBezTo>
                  <a:pt x="234" y="335"/>
                  <a:pt x="240" y="341"/>
                  <a:pt x="247" y="341"/>
                </a:cubicBezTo>
                <a:close/>
                <a:moveTo>
                  <a:pt x="286" y="341"/>
                </a:moveTo>
                <a:cubicBezTo>
                  <a:pt x="293" y="341"/>
                  <a:pt x="299" y="335"/>
                  <a:pt x="299" y="328"/>
                </a:cubicBezTo>
                <a:cubicBezTo>
                  <a:pt x="299" y="321"/>
                  <a:pt x="293" y="315"/>
                  <a:pt x="286" y="315"/>
                </a:cubicBezTo>
                <a:cubicBezTo>
                  <a:pt x="279" y="315"/>
                  <a:pt x="273" y="321"/>
                  <a:pt x="273" y="328"/>
                </a:cubicBezTo>
                <a:cubicBezTo>
                  <a:pt x="273" y="335"/>
                  <a:pt x="279" y="341"/>
                  <a:pt x="286" y="341"/>
                </a:cubicBezTo>
                <a:close/>
                <a:moveTo>
                  <a:pt x="326" y="341"/>
                </a:moveTo>
                <a:cubicBezTo>
                  <a:pt x="333" y="341"/>
                  <a:pt x="338" y="335"/>
                  <a:pt x="338" y="328"/>
                </a:cubicBezTo>
                <a:cubicBezTo>
                  <a:pt x="338" y="321"/>
                  <a:pt x="333" y="315"/>
                  <a:pt x="326" y="315"/>
                </a:cubicBezTo>
                <a:cubicBezTo>
                  <a:pt x="319" y="315"/>
                  <a:pt x="313" y="321"/>
                  <a:pt x="313" y="328"/>
                </a:cubicBezTo>
                <a:cubicBezTo>
                  <a:pt x="313" y="335"/>
                  <a:pt x="319" y="341"/>
                  <a:pt x="326" y="341"/>
                </a:cubicBezTo>
                <a:close/>
                <a:moveTo>
                  <a:pt x="365" y="341"/>
                </a:moveTo>
                <a:cubicBezTo>
                  <a:pt x="372" y="341"/>
                  <a:pt x="378" y="335"/>
                  <a:pt x="378" y="328"/>
                </a:cubicBezTo>
                <a:cubicBezTo>
                  <a:pt x="378" y="321"/>
                  <a:pt x="372" y="315"/>
                  <a:pt x="365" y="315"/>
                </a:cubicBezTo>
                <a:cubicBezTo>
                  <a:pt x="358" y="315"/>
                  <a:pt x="352" y="321"/>
                  <a:pt x="352" y="328"/>
                </a:cubicBezTo>
                <a:cubicBezTo>
                  <a:pt x="352" y="335"/>
                  <a:pt x="358" y="341"/>
                  <a:pt x="365" y="341"/>
                </a:cubicBezTo>
                <a:close/>
                <a:moveTo>
                  <a:pt x="404" y="341"/>
                </a:moveTo>
                <a:cubicBezTo>
                  <a:pt x="411" y="341"/>
                  <a:pt x="417" y="335"/>
                  <a:pt x="417" y="328"/>
                </a:cubicBezTo>
                <a:cubicBezTo>
                  <a:pt x="417" y="321"/>
                  <a:pt x="411" y="315"/>
                  <a:pt x="404" y="315"/>
                </a:cubicBezTo>
                <a:cubicBezTo>
                  <a:pt x="397" y="315"/>
                  <a:pt x="392" y="321"/>
                  <a:pt x="392" y="328"/>
                </a:cubicBezTo>
                <a:cubicBezTo>
                  <a:pt x="392" y="335"/>
                  <a:pt x="397" y="341"/>
                  <a:pt x="404" y="341"/>
                </a:cubicBezTo>
                <a:close/>
                <a:moveTo>
                  <a:pt x="444" y="341"/>
                </a:moveTo>
                <a:cubicBezTo>
                  <a:pt x="451" y="341"/>
                  <a:pt x="457" y="335"/>
                  <a:pt x="457" y="328"/>
                </a:cubicBezTo>
                <a:cubicBezTo>
                  <a:pt x="457" y="321"/>
                  <a:pt x="451" y="315"/>
                  <a:pt x="444" y="315"/>
                </a:cubicBezTo>
                <a:cubicBezTo>
                  <a:pt x="437" y="315"/>
                  <a:pt x="431" y="321"/>
                  <a:pt x="431" y="328"/>
                </a:cubicBezTo>
                <a:cubicBezTo>
                  <a:pt x="431" y="335"/>
                  <a:pt x="437" y="341"/>
                  <a:pt x="444" y="341"/>
                </a:cubicBezTo>
                <a:close/>
                <a:moveTo>
                  <a:pt x="483" y="341"/>
                </a:moveTo>
                <a:cubicBezTo>
                  <a:pt x="490" y="341"/>
                  <a:pt x="496" y="335"/>
                  <a:pt x="496" y="328"/>
                </a:cubicBezTo>
                <a:cubicBezTo>
                  <a:pt x="496" y="321"/>
                  <a:pt x="490" y="315"/>
                  <a:pt x="483" y="315"/>
                </a:cubicBezTo>
                <a:cubicBezTo>
                  <a:pt x="476" y="315"/>
                  <a:pt x="471" y="321"/>
                  <a:pt x="471" y="328"/>
                </a:cubicBezTo>
                <a:cubicBezTo>
                  <a:pt x="471" y="335"/>
                  <a:pt x="476" y="341"/>
                  <a:pt x="483" y="341"/>
                </a:cubicBezTo>
                <a:close/>
                <a:moveTo>
                  <a:pt x="523" y="341"/>
                </a:moveTo>
                <a:cubicBezTo>
                  <a:pt x="530" y="341"/>
                  <a:pt x="535" y="335"/>
                  <a:pt x="535" y="328"/>
                </a:cubicBezTo>
                <a:cubicBezTo>
                  <a:pt x="535" y="321"/>
                  <a:pt x="530" y="315"/>
                  <a:pt x="523" y="315"/>
                </a:cubicBezTo>
                <a:cubicBezTo>
                  <a:pt x="516" y="315"/>
                  <a:pt x="510" y="321"/>
                  <a:pt x="510" y="328"/>
                </a:cubicBezTo>
                <a:cubicBezTo>
                  <a:pt x="510" y="335"/>
                  <a:pt x="516" y="341"/>
                  <a:pt x="523" y="341"/>
                </a:cubicBezTo>
                <a:close/>
                <a:moveTo>
                  <a:pt x="562" y="341"/>
                </a:moveTo>
                <a:cubicBezTo>
                  <a:pt x="569" y="341"/>
                  <a:pt x="575" y="335"/>
                  <a:pt x="575" y="328"/>
                </a:cubicBezTo>
                <a:cubicBezTo>
                  <a:pt x="575" y="321"/>
                  <a:pt x="569" y="315"/>
                  <a:pt x="562" y="315"/>
                </a:cubicBezTo>
                <a:cubicBezTo>
                  <a:pt x="555" y="315"/>
                  <a:pt x="549" y="321"/>
                  <a:pt x="549" y="328"/>
                </a:cubicBezTo>
                <a:cubicBezTo>
                  <a:pt x="549" y="335"/>
                  <a:pt x="555" y="341"/>
                  <a:pt x="562" y="341"/>
                </a:cubicBezTo>
                <a:close/>
                <a:moveTo>
                  <a:pt x="602" y="316"/>
                </a:moveTo>
                <a:cubicBezTo>
                  <a:pt x="595" y="316"/>
                  <a:pt x="589" y="321"/>
                  <a:pt x="589" y="328"/>
                </a:cubicBezTo>
                <a:cubicBezTo>
                  <a:pt x="589" y="335"/>
                  <a:pt x="595" y="340"/>
                  <a:pt x="602" y="340"/>
                </a:cubicBezTo>
                <a:cubicBezTo>
                  <a:pt x="608" y="340"/>
                  <a:pt x="614" y="335"/>
                  <a:pt x="614" y="328"/>
                </a:cubicBezTo>
                <a:cubicBezTo>
                  <a:pt x="614" y="321"/>
                  <a:pt x="608" y="316"/>
                  <a:pt x="602" y="316"/>
                </a:cubicBezTo>
                <a:close/>
                <a:moveTo>
                  <a:pt x="641" y="341"/>
                </a:moveTo>
                <a:cubicBezTo>
                  <a:pt x="648" y="341"/>
                  <a:pt x="654" y="335"/>
                  <a:pt x="654" y="328"/>
                </a:cubicBezTo>
                <a:cubicBezTo>
                  <a:pt x="654" y="321"/>
                  <a:pt x="648" y="315"/>
                  <a:pt x="641" y="315"/>
                </a:cubicBezTo>
                <a:cubicBezTo>
                  <a:pt x="634" y="315"/>
                  <a:pt x="628" y="321"/>
                  <a:pt x="628" y="328"/>
                </a:cubicBezTo>
                <a:cubicBezTo>
                  <a:pt x="628" y="335"/>
                  <a:pt x="634" y="341"/>
                  <a:pt x="641" y="341"/>
                </a:cubicBezTo>
                <a:close/>
                <a:moveTo>
                  <a:pt x="680" y="341"/>
                </a:moveTo>
                <a:cubicBezTo>
                  <a:pt x="687" y="341"/>
                  <a:pt x="693" y="335"/>
                  <a:pt x="693" y="328"/>
                </a:cubicBezTo>
                <a:cubicBezTo>
                  <a:pt x="693" y="321"/>
                  <a:pt x="687" y="315"/>
                  <a:pt x="680" y="315"/>
                </a:cubicBezTo>
                <a:cubicBezTo>
                  <a:pt x="673" y="315"/>
                  <a:pt x="668" y="321"/>
                  <a:pt x="668" y="328"/>
                </a:cubicBezTo>
                <a:cubicBezTo>
                  <a:pt x="668" y="335"/>
                  <a:pt x="673" y="341"/>
                  <a:pt x="680" y="341"/>
                </a:cubicBezTo>
                <a:close/>
                <a:moveTo>
                  <a:pt x="720" y="341"/>
                </a:moveTo>
                <a:cubicBezTo>
                  <a:pt x="727" y="341"/>
                  <a:pt x="733" y="335"/>
                  <a:pt x="733" y="328"/>
                </a:cubicBezTo>
                <a:cubicBezTo>
                  <a:pt x="733" y="321"/>
                  <a:pt x="727" y="315"/>
                  <a:pt x="720" y="315"/>
                </a:cubicBezTo>
                <a:cubicBezTo>
                  <a:pt x="713" y="315"/>
                  <a:pt x="707" y="321"/>
                  <a:pt x="707" y="328"/>
                </a:cubicBezTo>
                <a:cubicBezTo>
                  <a:pt x="707" y="335"/>
                  <a:pt x="713" y="341"/>
                  <a:pt x="720" y="341"/>
                </a:cubicBezTo>
                <a:close/>
                <a:moveTo>
                  <a:pt x="759" y="341"/>
                </a:moveTo>
                <a:cubicBezTo>
                  <a:pt x="766" y="341"/>
                  <a:pt x="772" y="335"/>
                  <a:pt x="772" y="328"/>
                </a:cubicBezTo>
                <a:cubicBezTo>
                  <a:pt x="772" y="321"/>
                  <a:pt x="766" y="315"/>
                  <a:pt x="759" y="315"/>
                </a:cubicBezTo>
                <a:cubicBezTo>
                  <a:pt x="752" y="315"/>
                  <a:pt x="747" y="321"/>
                  <a:pt x="747" y="328"/>
                </a:cubicBezTo>
                <a:cubicBezTo>
                  <a:pt x="747" y="335"/>
                  <a:pt x="752" y="341"/>
                  <a:pt x="759" y="341"/>
                </a:cubicBezTo>
                <a:close/>
                <a:moveTo>
                  <a:pt x="799" y="341"/>
                </a:moveTo>
                <a:cubicBezTo>
                  <a:pt x="806" y="341"/>
                  <a:pt x="811" y="335"/>
                  <a:pt x="811" y="328"/>
                </a:cubicBezTo>
                <a:cubicBezTo>
                  <a:pt x="811" y="321"/>
                  <a:pt x="806" y="315"/>
                  <a:pt x="799" y="315"/>
                </a:cubicBezTo>
                <a:cubicBezTo>
                  <a:pt x="792" y="315"/>
                  <a:pt x="786" y="321"/>
                  <a:pt x="786" y="328"/>
                </a:cubicBezTo>
                <a:cubicBezTo>
                  <a:pt x="786" y="335"/>
                  <a:pt x="792" y="341"/>
                  <a:pt x="799" y="341"/>
                </a:cubicBezTo>
                <a:close/>
                <a:moveTo>
                  <a:pt x="838" y="341"/>
                </a:moveTo>
                <a:cubicBezTo>
                  <a:pt x="845" y="341"/>
                  <a:pt x="851" y="335"/>
                  <a:pt x="851" y="328"/>
                </a:cubicBezTo>
                <a:cubicBezTo>
                  <a:pt x="851" y="321"/>
                  <a:pt x="845" y="315"/>
                  <a:pt x="838" y="315"/>
                </a:cubicBezTo>
                <a:cubicBezTo>
                  <a:pt x="831" y="315"/>
                  <a:pt x="825" y="321"/>
                  <a:pt x="825" y="328"/>
                </a:cubicBezTo>
                <a:cubicBezTo>
                  <a:pt x="825" y="335"/>
                  <a:pt x="831" y="341"/>
                  <a:pt x="838" y="341"/>
                </a:cubicBezTo>
                <a:close/>
                <a:moveTo>
                  <a:pt x="956" y="341"/>
                </a:moveTo>
                <a:cubicBezTo>
                  <a:pt x="963" y="341"/>
                  <a:pt x="969" y="335"/>
                  <a:pt x="969" y="328"/>
                </a:cubicBezTo>
                <a:cubicBezTo>
                  <a:pt x="969" y="321"/>
                  <a:pt x="963" y="315"/>
                  <a:pt x="956" y="315"/>
                </a:cubicBezTo>
                <a:cubicBezTo>
                  <a:pt x="949" y="315"/>
                  <a:pt x="944" y="321"/>
                  <a:pt x="944" y="328"/>
                </a:cubicBezTo>
                <a:cubicBezTo>
                  <a:pt x="944" y="335"/>
                  <a:pt x="949" y="341"/>
                  <a:pt x="956" y="341"/>
                </a:cubicBezTo>
                <a:close/>
                <a:moveTo>
                  <a:pt x="996" y="341"/>
                </a:moveTo>
                <a:cubicBezTo>
                  <a:pt x="1003" y="341"/>
                  <a:pt x="1009" y="335"/>
                  <a:pt x="1009" y="328"/>
                </a:cubicBezTo>
                <a:cubicBezTo>
                  <a:pt x="1009" y="321"/>
                  <a:pt x="1003" y="315"/>
                  <a:pt x="996" y="315"/>
                </a:cubicBezTo>
                <a:cubicBezTo>
                  <a:pt x="989" y="315"/>
                  <a:pt x="983" y="321"/>
                  <a:pt x="983" y="328"/>
                </a:cubicBezTo>
                <a:cubicBezTo>
                  <a:pt x="983" y="335"/>
                  <a:pt x="989" y="341"/>
                  <a:pt x="996" y="341"/>
                </a:cubicBezTo>
                <a:close/>
                <a:moveTo>
                  <a:pt x="1035" y="341"/>
                </a:moveTo>
                <a:cubicBezTo>
                  <a:pt x="1042" y="341"/>
                  <a:pt x="1048" y="335"/>
                  <a:pt x="1048" y="328"/>
                </a:cubicBezTo>
                <a:cubicBezTo>
                  <a:pt x="1048" y="321"/>
                  <a:pt x="1042" y="315"/>
                  <a:pt x="1035" y="315"/>
                </a:cubicBezTo>
                <a:cubicBezTo>
                  <a:pt x="1028" y="315"/>
                  <a:pt x="1022" y="321"/>
                  <a:pt x="1022" y="328"/>
                </a:cubicBezTo>
                <a:cubicBezTo>
                  <a:pt x="1022" y="335"/>
                  <a:pt x="1028" y="341"/>
                  <a:pt x="1035" y="341"/>
                </a:cubicBezTo>
                <a:close/>
                <a:moveTo>
                  <a:pt x="1153" y="319"/>
                </a:moveTo>
                <a:cubicBezTo>
                  <a:pt x="1148" y="319"/>
                  <a:pt x="1144" y="323"/>
                  <a:pt x="1144" y="328"/>
                </a:cubicBezTo>
                <a:cubicBezTo>
                  <a:pt x="1144" y="333"/>
                  <a:pt x="1148" y="337"/>
                  <a:pt x="1153" y="337"/>
                </a:cubicBezTo>
                <a:cubicBezTo>
                  <a:pt x="1159" y="337"/>
                  <a:pt x="1163" y="333"/>
                  <a:pt x="1163" y="328"/>
                </a:cubicBezTo>
                <a:cubicBezTo>
                  <a:pt x="1163" y="323"/>
                  <a:pt x="1159" y="319"/>
                  <a:pt x="1153" y="319"/>
                </a:cubicBezTo>
                <a:close/>
                <a:moveTo>
                  <a:pt x="1193" y="341"/>
                </a:moveTo>
                <a:cubicBezTo>
                  <a:pt x="1200" y="341"/>
                  <a:pt x="1206" y="335"/>
                  <a:pt x="1206" y="328"/>
                </a:cubicBezTo>
                <a:cubicBezTo>
                  <a:pt x="1206" y="321"/>
                  <a:pt x="1200" y="315"/>
                  <a:pt x="1193" y="315"/>
                </a:cubicBezTo>
                <a:cubicBezTo>
                  <a:pt x="1186" y="315"/>
                  <a:pt x="1180" y="321"/>
                  <a:pt x="1180" y="328"/>
                </a:cubicBezTo>
                <a:cubicBezTo>
                  <a:pt x="1180" y="335"/>
                  <a:pt x="1186" y="341"/>
                  <a:pt x="1193" y="341"/>
                </a:cubicBezTo>
                <a:close/>
                <a:moveTo>
                  <a:pt x="1232" y="341"/>
                </a:moveTo>
                <a:cubicBezTo>
                  <a:pt x="1239" y="341"/>
                  <a:pt x="1245" y="335"/>
                  <a:pt x="1245" y="328"/>
                </a:cubicBezTo>
                <a:cubicBezTo>
                  <a:pt x="1245" y="321"/>
                  <a:pt x="1239" y="315"/>
                  <a:pt x="1232" y="315"/>
                </a:cubicBezTo>
                <a:cubicBezTo>
                  <a:pt x="1225" y="315"/>
                  <a:pt x="1220" y="321"/>
                  <a:pt x="1220" y="328"/>
                </a:cubicBezTo>
                <a:cubicBezTo>
                  <a:pt x="1220" y="335"/>
                  <a:pt x="1225" y="341"/>
                  <a:pt x="1232" y="341"/>
                </a:cubicBezTo>
                <a:close/>
                <a:moveTo>
                  <a:pt x="1272" y="341"/>
                </a:moveTo>
                <a:cubicBezTo>
                  <a:pt x="1279" y="341"/>
                  <a:pt x="1285" y="335"/>
                  <a:pt x="1285" y="328"/>
                </a:cubicBezTo>
                <a:cubicBezTo>
                  <a:pt x="1285" y="321"/>
                  <a:pt x="1279" y="315"/>
                  <a:pt x="1272" y="315"/>
                </a:cubicBezTo>
                <a:cubicBezTo>
                  <a:pt x="1265" y="315"/>
                  <a:pt x="1259" y="321"/>
                  <a:pt x="1259" y="328"/>
                </a:cubicBezTo>
                <a:cubicBezTo>
                  <a:pt x="1259" y="335"/>
                  <a:pt x="1265" y="341"/>
                  <a:pt x="1272" y="341"/>
                </a:cubicBezTo>
                <a:close/>
                <a:moveTo>
                  <a:pt x="1311" y="341"/>
                </a:moveTo>
                <a:cubicBezTo>
                  <a:pt x="1318" y="341"/>
                  <a:pt x="1324" y="335"/>
                  <a:pt x="1324" y="328"/>
                </a:cubicBezTo>
                <a:cubicBezTo>
                  <a:pt x="1324" y="321"/>
                  <a:pt x="1318" y="315"/>
                  <a:pt x="1311" y="315"/>
                </a:cubicBezTo>
                <a:cubicBezTo>
                  <a:pt x="1304" y="315"/>
                  <a:pt x="1298" y="321"/>
                  <a:pt x="1298" y="328"/>
                </a:cubicBezTo>
                <a:cubicBezTo>
                  <a:pt x="1298" y="335"/>
                  <a:pt x="1304" y="341"/>
                  <a:pt x="1311" y="341"/>
                </a:cubicBezTo>
                <a:close/>
                <a:moveTo>
                  <a:pt x="1863" y="341"/>
                </a:moveTo>
                <a:cubicBezTo>
                  <a:pt x="1870" y="341"/>
                  <a:pt x="1876" y="335"/>
                  <a:pt x="1876" y="328"/>
                </a:cubicBezTo>
                <a:cubicBezTo>
                  <a:pt x="1876" y="321"/>
                  <a:pt x="1870" y="315"/>
                  <a:pt x="1863" y="315"/>
                </a:cubicBezTo>
                <a:cubicBezTo>
                  <a:pt x="1856" y="315"/>
                  <a:pt x="1850" y="321"/>
                  <a:pt x="1850" y="328"/>
                </a:cubicBezTo>
                <a:cubicBezTo>
                  <a:pt x="1850" y="335"/>
                  <a:pt x="1856" y="341"/>
                  <a:pt x="1863" y="341"/>
                </a:cubicBezTo>
                <a:close/>
                <a:moveTo>
                  <a:pt x="1903" y="341"/>
                </a:moveTo>
                <a:cubicBezTo>
                  <a:pt x="1910" y="341"/>
                  <a:pt x="1915" y="335"/>
                  <a:pt x="1915" y="328"/>
                </a:cubicBezTo>
                <a:cubicBezTo>
                  <a:pt x="1915" y="321"/>
                  <a:pt x="1910" y="315"/>
                  <a:pt x="1903" y="315"/>
                </a:cubicBezTo>
                <a:cubicBezTo>
                  <a:pt x="1896" y="315"/>
                  <a:pt x="1890" y="321"/>
                  <a:pt x="1890" y="328"/>
                </a:cubicBezTo>
                <a:cubicBezTo>
                  <a:pt x="1890" y="335"/>
                  <a:pt x="1896" y="341"/>
                  <a:pt x="1903" y="341"/>
                </a:cubicBezTo>
                <a:close/>
                <a:moveTo>
                  <a:pt x="1942" y="341"/>
                </a:moveTo>
                <a:cubicBezTo>
                  <a:pt x="1949" y="341"/>
                  <a:pt x="1955" y="335"/>
                  <a:pt x="1955" y="328"/>
                </a:cubicBezTo>
                <a:cubicBezTo>
                  <a:pt x="1955" y="321"/>
                  <a:pt x="1949" y="315"/>
                  <a:pt x="1942" y="315"/>
                </a:cubicBezTo>
                <a:cubicBezTo>
                  <a:pt x="1935" y="315"/>
                  <a:pt x="1929" y="321"/>
                  <a:pt x="1929" y="328"/>
                </a:cubicBezTo>
                <a:cubicBezTo>
                  <a:pt x="1929" y="335"/>
                  <a:pt x="1935" y="341"/>
                  <a:pt x="1942" y="341"/>
                </a:cubicBezTo>
                <a:close/>
                <a:moveTo>
                  <a:pt x="1981" y="341"/>
                </a:moveTo>
                <a:cubicBezTo>
                  <a:pt x="1988" y="341"/>
                  <a:pt x="1994" y="335"/>
                  <a:pt x="1994" y="328"/>
                </a:cubicBezTo>
                <a:cubicBezTo>
                  <a:pt x="1994" y="321"/>
                  <a:pt x="1988" y="315"/>
                  <a:pt x="1981" y="315"/>
                </a:cubicBezTo>
                <a:cubicBezTo>
                  <a:pt x="1974" y="315"/>
                  <a:pt x="1969" y="321"/>
                  <a:pt x="1969" y="328"/>
                </a:cubicBezTo>
                <a:cubicBezTo>
                  <a:pt x="1969" y="335"/>
                  <a:pt x="1974" y="341"/>
                  <a:pt x="1981" y="341"/>
                </a:cubicBezTo>
                <a:close/>
                <a:moveTo>
                  <a:pt x="2021" y="315"/>
                </a:moveTo>
                <a:cubicBezTo>
                  <a:pt x="2014" y="315"/>
                  <a:pt x="2008" y="321"/>
                  <a:pt x="2008" y="328"/>
                </a:cubicBezTo>
                <a:cubicBezTo>
                  <a:pt x="2008" y="335"/>
                  <a:pt x="2014" y="341"/>
                  <a:pt x="2021" y="341"/>
                </a:cubicBezTo>
                <a:cubicBezTo>
                  <a:pt x="2028" y="341"/>
                  <a:pt x="2034" y="335"/>
                  <a:pt x="2034" y="328"/>
                </a:cubicBezTo>
                <a:cubicBezTo>
                  <a:pt x="2034" y="321"/>
                  <a:pt x="2028" y="315"/>
                  <a:pt x="2021" y="315"/>
                </a:cubicBezTo>
                <a:close/>
                <a:moveTo>
                  <a:pt x="2060" y="315"/>
                </a:moveTo>
                <a:cubicBezTo>
                  <a:pt x="2053" y="315"/>
                  <a:pt x="2048" y="321"/>
                  <a:pt x="2048" y="328"/>
                </a:cubicBezTo>
                <a:cubicBezTo>
                  <a:pt x="2048" y="335"/>
                  <a:pt x="2053" y="341"/>
                  <a:pt x="2060" y="341"/>
                </a:cubicBezTo>
                <a:cubicBezTo>
                  <a:pt x="2067" y="341"/>
                  <a:pt x="2073" y="335"/>
                  <a:pt x="2073" y="328"/>
                </a:cubicBezTo>
                <a:cubicBezTo>
                  <a:pt x="2073" y="321"/>
                  <a:pt x="2067" y="315"/>
                  <a:pt x="2060" y="315"/>
                </a:cubicBezTo>
                <a:close/>
                <a:moveTo>
                  <a:pt x="2100" y="341"/>
                </a:moveTo>
                <a:cubicBezTo>
                  <a:pt x="2107" y="341"/>
                  <a:pt x="2112" y="335"/>
                  <a:pt x="2112" y="328"/>
                </a:cubicBezTo>
                <a:cubicBezTo>
                  <a:pt x="2112" y="321"/>
                  <a:pt x="2107" y="315"/>
                  <a:pt x="2100" y="315"/>
                </a:cubicBezTo>
                <a:cubicBezTo>
                  <a:pt x="2093" y="315"/>
                  <a:pt x="2087" y="321"/>
                  <a:pt x="2087" y="328"/>
                </a:cubicBezTo>
                <a:cubicBezTo>
                  <a:pt x="2087" y="335"/>
                  <a:pt x="2093" y="341"/>
                  <a:pt x="2100" y="341"/>
                </a:cubicBezTo>
                <a:close/>
                <a:moveTo>
                  <a:pt x="2179" y="341"/>
                </a:moveTo>
                <a:cubicBezTo>
                  <a:pt x="2186" y="341"/>
                  <a:pt x="2191" y="335"/>
                  <a:pt x="2191" y="328"/>
                </a:cubicBezTo>
                <a:cubicBezTo>
                  <a:pt x="2191" y="321"/>
                  <a:pt x="2186" y="315"/>
                  <a:pt x="2179" y="315"/>
                </a:cubicBezTo>
                <a:cubicBezTo>
                  <a:pt x="2171" y="315"/>
                  <a:pt x="2166" y="321"/>
                  <a:pt x="2166" y="328"/>
                </a:cubicBezTo>
                <a:cubicBezTo>
                  <a:pt x="2166" y="335"/>
                  <a:pt x="2171" y="341"/>
                  <a:pt x="2179" y="341"/>
                </a:cubicBezTo>
                <a:close/>
                <a:moveTo>
                  <a:pt x="2218" y="341"/>
                </a:moveTo>
                <a:cubicBezTo>
                  <a:pt x="2225" y="341"/>
                  <a:pt x="2231" y="335"/>
                  <a:pt x="2231" y="328"/>
                </a:cubicBezTo>
                <a:cubicBezTo>
                  <a:pt x="2231" y="321"/>
                  <a:pt x="2225" y="315"/>
                  <a:pt x="2218" y="315"/>
                </a:cubicBezTo>
                <a:cubicBezTo>
                  <a:pt x="2211" y="315"/>
                  <a:pt x="2205" y="321"/>
                  <a:pt x="2205" y="328"/>
                </a:cubicBezTo>
                <a:cubicBezTo>
                  <a:pt x="2205" y="335"/>
                  <a:pt x="2211" y="341"/>
                  <a:pt x="2218" y="341"/>
                </a:cubicBezTo>
                <a:close/>
                <a:moveTo>
                  <a:pt x="2257" y="341"/>
                </a:moveTo>
                <a:cubicBezTo>
                  <a:pt x="2264" y="341"/>
                  <a:pt x="2270" y="335"/>
                  <a:pt x="2270" y="328"/>
                </a:cubicBezTo>
                <a:cubicBezTo>
                  <a:pt x="2270" y="321"/>
                  <a:pt x="2264" y="315"/>
                  <a:pt x="2257" y="315"/>
                </a:cubicBezTo>
                <a:cubicBezTo>
                  <a:pt x="2250" y="315"/>
                  <a:pt x="2245" y="321"/>
                  <a:pt x="2245" y="328"/>
                </a:cubicBezTo>
                <a:cubicBezTo>
                  <a:pt x="2245" y="335"/>
                  <a:pt x="2250" y="341"/>
                  <a:pt x="2257" y="341"/>
                </a:cubicBezTo>
                <a:close/>
                <a:moveTo>
                  <a:pt x="2297" y="341"/>
                </a:moveTo>
                <a:cubicBezTo>
                  <a:pt x="2304" y="341"/>
                  <a:pt x="2310" y="335"/>
                  <a:pt x="2310" y="328"/>
                </a:cubicBezTo>
                <a:cubicBezTo>
                  <a:pt x="2310" y="321"/>
                  <a:pt x="2304" y="315"/>
                  <a:pt x="2297" y="315"/>
                </a:cubicBezTo>
                <a:cubicBezTo>
                  <a:pt x="2290" y="315"/>
                  <a:pt x="2284" y="321"/>
                  <a:pt x="2284" y="328"/>
                </a:cubicBezTo>
                <a:cubicBezTo>
                  <a:pt x="2284" y="335"/>
                  <a:pt x="2290" y="341"/>
                  <a:pt x="2297" y="341"/>
                </a:cubicBezTo>
                <a:close/>
                <a:moveTo>
                  <a:pt x="2336" y="341"/>
                </a:moveTo>
                <a:cubicBezTo>
                  <a:pt x="2343" y="341"/>
                  <a:pt x="2349" y="335"/>
                  <a:pt x="2349" y="328"/>
                </a:cubicBezTo>
                <a:cubicBezTo>
                  <a:pt x="2349" y="321"/>
                  <a:pt x="2343" y="315"/>
                  <a:pt x="2336" y="315"/>
                </a:cubicBezTo>
                <a:cubicBezTo>
                  <a:pt x="2329" y="315"/>
                  <a:pt x="2323" y="321"/>
                  <a:pt x="2323" y="328"/>
                </a:cubicBezTo>
                <a:cubicBezTo>
                  <a:pt x="2323" y="335"/>
                  <a:pt x="2329" y="341"/>
                  <a:pt x="2336" y="341"/>
                </a:cubicBezTo>
                <a:close/>
                <a:moveTo>
                  <a:pt x="2376" y="341"/>
                </a:moveTo>
                <a:cubicBezTo>
                  <a:pt x="2383" y="341"/>
                  <a:pt x="2388" y="335"/>
                  <a:pt x="2388" y="328"/>
                </a:cubicBezTo>
                <a:cubicBezTo>
                  <a:pt x="2388" y="321"/>
                  <a:pt x="2383" y="315"/>
                  <a:pt x="2376" y="315"/>
                </a:cubicBezTo>
                <a:cubicBezTo>
                  <a:pt x="2369" y="315"/>
                  <a:pt x="2363" y="321"/>
                  <a:pt x="2363" y="328"/>
                </a:cubicBezTo>
                <a:cubicBezTo>
                  <a:pt x="2363" y="335"/>
                  <a:pt x="2369" y="341"/>
                  <a:pt x="2376" y="341"/>
                </a:cubicBezTo>
                <a:close/>
                <a:moveTo>
                  <a:pt x="2415" y="316"/>
                </a:moveTo>
                <a:cubicBezTo>
                  <a:pt x="2408" y="316"/>
                  <a:pt x="2403" y="321"/>
                  <a:pt x="2403" y="328"/>
                </a:cubicBezTo>
                <a:cubicBezTo>
                  <a:pt x="2403" y="335"/>
                  <a:pt x="2408" y="340"/>
                  <a:pt x="2415" y="340"/>
                </a:cubicBezTo>
                <a:cubicBezTo>
                  <a:pt x="2422" y="340"/>
                  <a:pt x="2427" y="335"/>
                  <a:pt x="2427" y="328"/>
                </a:cubicBezTo>
                <a:cubicBezTo>
                  <a:pt x="2427" y="321"/>
                  <a:pt x="2422" y="316"/>
                  <a:pt x="2415" y="316"/>
                </a:cubicBezTo>
                <a:close/>
                <a:moveTo>
                  <a:pt x="2454" y="341"/>
                </a:moveTo>
                <a:cubicBezTo>
                  <a:pt x="2462" y="341"/>
                  <a:pt x="2467" y="335"/>
                  <a:pt x="2467" y="328"/>
                </a:cubicBezTo>
                <a:cubicBezTo>
                  <a:pt x="2467" y="321"/>
                  <a:pt x="2462" y="315"/>
                  <a:pt x="2454" y="315"/>
                </a:cubicBezTo>
                <a:cubicBezTo>
                  <a:pt x="2447" y="315"/>
                  <a:pt x="2442" y="321"/>
                  <a:pt x="2442" y="328"/>
                </a:cubicBezTo>
                <a:cubicBezTo>
                  <a:pt x="2442" y="335"/>
                  <a:pt x="2447" y="341"/>
                  <a:pt x="2454" y="341"/>
                </a:cubicBezTo>
                <a:close/>
                <a:moveTo>
                  <a:pt x="2494" y="341"/>
                </a:moveTo>
                <a:cubicBezTo>
                  <a:pt x="2501" y="341"/>
                  <a:pt x="2507" y="335"/>
                  <a:pt x="2507" y="328"/>
                </a:cubicBezTo>
                <a:cubicBezTo>
                  <a:pt x="2507" y="321"/>
                  <a:pt x="2501" y="315"/>
                  <a:pt x="2494" y="315"/>
                </a:cubicBezTo>
                <a:cubicBezTo>
                  <a:pt x="2487" y="315"/>
                  <a:pt x="2481" y="321"/>
                  <a:pt x="2481" y="328"/>
                </a:cubicBezTo>
                <a:cubicBezTo>
                  <a:pt x="2481" y="335"/>
                  <a:pt x="2487" y="341"/>
                  <a:pt x="2494" y="341"/>
                </a:cubicBezTo>
                <a:close/>
                <a:moveTo>
                  <a:pt x="2533" y="341"/>
                </a:moveTo>
                <a:cubicBezTo>
                  <a:pt x="2540" y="341"/>
                  <a:pt x="2546" y="335"/>
                  <a:pt x="2546" y="328"/>
                </a:cubicBezTo>
                <a:cubicBezTo>
                  <a:pt x="2546" y="321"/>
                  <a:pt x="2540" y="315"/>
                  <a:pt x="2533" y="315"/>
                </a:cubicBezTo>
                <a:cubicBezTo>
                  <a:pt x="2526" y="315"/>
                  <a:pt x="2521" y="321"/>
                  <a:pt x="2521" y="328"/>
                </a:cubicBezTo>
                <a:cubicBezTo>
                  <a:pt x="2521" y="335"/>
                  <a:pt x="2526" y="341"/>
                  <a:pt x="2533" y="341"/>
                </a:cubicBezTo>
                <a:close/>
                <a:moveTo>
                  <a:pt x="2573" y="341"/>
                </a:moveTo>
                <a:cubicBezTo>
                  <a:pt x="2580" y="341"/>
                  <a:pt x="2586" y="335"/>
                  <a:pt x="2586" y="328"/>
                </a:cubicBezTo>
                <a:cubicBezTo>
                  <a:pt x="2586" y="321"/>
                  <a:pt x="2580" y="315"/>
                  <a:pt x="2573" y="315"/>
                </a:cubicBezTo>
                <a:cubicBezTo>
                  <a:pt x="2566" y="315"/>
                  <a:pt x="2560" y="321"/>
                  <a:pt x="2560" y="328"/>
                </a:cubicBezTo>
                <a:cubicBezTo>
                  <a:pt x="2560" y="335"/>
                  <a:pt x="2566" y="341"/>
                  <a:pt x="2573" y="341"/>
                </a:cubicBezTo>
                <a:close/>
                <a:moveTo>
                  <a:pt x="2612" y="341"/>
                </a:moveTo>
                <a:cubicBezTo>
                  <a:pt x="2619" y="341"/>
                  <a:pt x="2625" y="335"/>
                  <a:pt x="2625" y="328"/>
                </a:cubicBezTo>
                <a:cubicBezTo>
                  <a:pt x="2625" y="321"/>
                  <a:pt x="2619" y="315"/>
                  <a:pt x="2612" y="315"/>
                </a:cubicBezTo>
                <a:cubicBezTo>
                  <a:pt x="2605" y="315"/>
                  <a:pt x="2599" y="321"/>
                  <a:pt x="2599" y="328"/>
                </a:cubicBezTo>
                <a:cubicBezTo>
                  <a:pt x="2599" y="335"/>
                  <a:pt x="2605" y="341"/>
                  <a:pt x="2612" y="341"/>
                </a:cubicBezTo>
                <a:close/>
                <a:moveTo>
                  <a:pt x="2652" y="341"/>
                </a:moveTo>
                <a:cubicBezTo>
                  <a:pt x="2659" y="341"/>
                  <a:pt x="2664" y="335"/>
                  <a:pt x="2664" y="328"/>
                </a:cubicBezTo>
                <a:cubicBezTo>
                  <a:pt x="2664" y="321"/>
                  <a:pt x="2659" y="315"/>
                  <a:pt x="2652" y="315"/>
                </a:cubicBezTo>
                <a:cubicBezTo>
                  <a:pt x="2645" y="315"/>
                  <a:pt x="2639" y="321"/>
                  <a:pt x="2639" y="328"/>
                </a:cubicBezTo>
                <a:cubicBezTo>
                  <a:pt x="2639" y="335"/>
                  <a:pt x="2645" y="341"/>
                  <a:pt x="2652" y="341"/>
                </a:cubicBezTo>
                <a:close/>
                <a:moveTo>
                  <a:pt x="2691" y="341"/>
                </a:moveTo>
                <a:cubicBezTo>
                  <a:pt x="2698" y="341"/>
                  <a:pt x="2704" y="335"/>
                  <a:pt x="2704" y="328"/>
                </a:cubicBezTo>
                <a:cubicBezTo>
                  <a:pt x="2704" y="321"/>
                  <a:pt x="2698" y="315"/>
                  <a:pt x="2691" y="315"/>
                </a:cubicBezTo>
                <a:cubicBezTo>
                  <a:pt x="2684" y="315"/>
                  <a:pt x="2678" y="321"/>
                  <a:pt x="2678" y="328"/>
                </a:cubicBezTo>
                <a:cubicBezTo>
                  <a:pt x="2678" y="335"/>
                  <a:pt x="2684" y="341"/>
                  <a:pt x="2691" y="341"/>
                </a:cubicBezTo>
                <a:close/>
                <a:moveTo>
                  <a:pt x="2730" y="341"/>
                </a:moveTo>
                <a:cubicBezTo>
                  <a:pt x="2738" y="341"/>
                  <a:pt x="2743" y="335"/>
                  <a:pt x="2743" y="328"/>
                </a:cubicBezTo>
                <a:cubicBezTo>
                  <a:pt x="2743" y="321"/>
                  <a:pt x="2738" y="315"/>
                  <a:pt x="2730" y="315"/>
                </a:cubicBezTo>
                <a:cubicBezTo>
                  <a:pt x="2723" y="315"/>
                  <a:pt x="2718" y="321"/>
                  <a:pt x="2718" y="328"/>
                </a:cubicBezTo>
                <a:cubicBezTo>
                  <a:pt x="2718" y="335"/>
                  <a:pt x="2723" y="341"/>
                  <a:pt x="2730" y="341"/>
                </a:cubicBezTo>
                <a:close/>
                <a:moveTo>
                  <a:pt x="2770" y="341"/>
                </a:moveTo>
                <a:cubicBezTo>
                  <a:pt x="2777" y="341"/>
                  <a:pt x="2783" y="335"/>
                  <a:pt x="2783" y="328"/>
                </a:cubicBezTo>
                <a:cubicBezTo>
                  <a:pt x="2783" y="321"/>
                  <a:pt x="2777" y="315"/>
                  <a:pt x="2770" y="315"/>
                </a:cubicBezTo>
                <a:cubicBezTo>
                  <a:pt x="2763" y="315"/>
                  <a:pt x="2757" y="321"/>
                  <a:pt x="2757" y="328"/>
                </a:cubicBezTo>
                <a:cubicBezTo>
                  <a:pt x="2757" y="335"/>
                  <a:pt x="2763" y="341"/>
                  <a:pt x="2770" y="341"/>
                </a:cubicBezTo>
                <a:close/>
                <a:moveTo>
                  <a:pt x="2809" y="341"/>
                </a:moveTo>
                <a:cubicBezTo>
                  <a:pt x="2816" y="341"/>
                  <a:pt x="2822" y="335"/>
                  <a:pt x="2822" y="328"/>
                </a:cubicBezTo>
                <a:cubicBezTo>
                  <a:pt x="2822" y="321"/>
                  <a:pt x="2816" y="315"/>
                  <a:pt x="2809" y="315"/>
                </a:cubicBezTo>
                <a:cubicBezTo>
                  <a:pt x="2802" y="315"/>
                  <a:pt x="2797" y="321"/>
                  <a:pt x="2797" y="328"/>
                </a:cubicBezTo>
                <a:cubicBezTo>
                  <a:pt x="2797" y="335"/>
                  <a:pt x="2802" y="341"/>
                  <a:pt x="2809" y="341"/>
                </a:cubicBezTo>
                <a:close/>
                <a:moveTo>
                  <a:pt x="2849" y="341"/>
                </a:moveTo>
                <a:cubicBezTo>
                  <a:pt x="2856" y="341"/>
                  <a:pt x="2861" y="335"/>
                  <a:pt x="2861" y="328"/>
                </a:cubicBezTo>
                <a:cubicBezTo>
                  <a:pt x="2861" y="321"/>
                  <a:pt x="2856" y="315"/>
                  <a:pt x="2849" y="315"/>
                </a:cubicBezTo>
                <a:cubicBezTo>
                  <a:pt x="2842" y="315"/>
                  <a:pt x="2836" y="321"/>
                  <a:pt x="2836" y="328"/>
                </a:cubicBezTo>
                <a:cubicBezTo>
                  <a:pt x="2836" y="335"/>
                  <a:pt x="2842" y="341"/>
                  <a:pt x="2849" y="341"/>
                </a:cubicBezTo>
                <a:close/>
                <a:moveTo>
                  <a:pt x="2888" y="341"/>
                </a:moveTo>
                <a:cubicBezTo>
                  <a:pt x="2895" y="341"/>
                  <a:pt x="2901" y="335"/>
                  <a:pt x="2901" y="328"/>
                </a:cubicBezTo>
                <a:cubicBezTo>
                  <a:pt x="2901" y="321"/>
                  <a:pt x="2895" y="315"/>
                  <a:pt x="2888" y="315"/>
                </a:cubicBezTo>
                <a:cubicBezTo>
                  <a:pt x="2881" y="315"/>
                  <a:pt x="2875" y="321"/>
                  <a:pt x="2875" y="328"/>
                </a:cubicBezTo>
                <a:cubicBezTo>
                  <a:pt x="2875" y="335"/>
                  <a:pt x="2881" y="341"/>
                  <a:pt x="2888" y="341"/>
                </a:cubicBezTo>
                <a:close/>
                <a:moveTo>
                  <a:pt x="2928" y="341"/>
                </a:moveTo>
                <a:cubicBezTo>
                  <a:pt x="2935" y="341"/>
                  <a:pt x="2940" y="335"/>
                  <a:pt x="2940" y="328"/>
                </a:cubicBezTo>
                <a:cubicBezTo>
                  <a:pt x="2940" y="321"/>
                  <a:pt x="2935" y="315"/>
                  <a:pt x="2928" y="315"/>
                </a:cubicBezTo>
                <a:cubicBezTo>
                  <a:pt x="2921" y="315"/>
                  <a:pt x="2915" y="321"/>
                  <a:pt x="2915" y="328"/>
                </a:cubicBezTo>
                <a:cubicBezTo>
                  <a:pt x="2915" y="335"/>
                  <a:pt x="2921" y="341"/>
                  <a:pt x="2928" y="341"/>
                </a:cubicBezTo>
                <a:close/>
                <a:moveTo>
                  <a:pt x="2967" y="341"/>
                </a:moveTo>
                <a:cubicBezTo>
                  <a:pt x="2974" y="341"/>
                  <a:pt x="2980" y="335"/>
                  <a:pt x="2980" y="328"/>
                </a:cubicBezTo>
                <a:cubicBezTo>
                  <a:pt x="2980" y="321"/>
                  <a:pt x="2974" y="315"/>
                  <a:pt x="2967" y="315"/>
                </a:cubicBezTo>
                <a:cubicBezTo>
                  <a:pt x="2960" y="315"/>
                  <a:pt x="2954" y="321"/>
                  <a:pt x="2954" y="328"/>
                </a:cubicBezTo>
                <a:cubicBezTo>
                  <a:pt x="2954" y="335"/>
                  <a:pt x="2960" y="341"/>
                  <a:pt x="2967" y="341"/>
                </a:cubicBezTo>
                <a:close/>
                <a:moveTo>
                  <a:pt x="3006" y="341"/>
                </a:moveTo>
                <a:cubicBezTo>
                  <a:pt x="3013" y="341"/>
                  <a:pt x="3019" y="335"/>
                  <a:pt x="3019" y="328"/>
                </a:cubicBezTo>
                <a:cubicBezTo>
                  <a:pt x="3019" y="321"/>
                  <a:pt x="3013" y="315"/>
                  <a:pt x="3006" y="315"/>
                </a:cubicBezTo>
                <a:cubicBezTo>
                  <a:pt x="2999" y="315"/>
                  <a:pt x="2994" y="321"/>
                  <a:pt x="2994" y="328"/>
                </a:cubicBezTo>
                <a:cubicBezTo>
                  <a:pt x="2994" y="335"/>
                  <a:pt x="2999" y="341"/>
                  <a:pt x="3006" y="341"/>
                </a:cubicBezTo>
                <a:close/>
                <a:moveTo>
                  <a:pt x="3046" y="341"/>
                </a:moveTo>
                <a:cubicBezTo>
                  <a:pt x="3053" y="341"/>
                  <a:pt x="3059" y="335"/>
                  <a:pt x="3059" y="328"/>
                </a:cubicBezTo>
                <a:cubicBezTo>
                  <a:pt x="3059" y="321"/>
                  <a:pt x="3053" y="315"/>
                  <a:pt x="3046" y="315"/>
                </a:cubicBezTo>
                <a:cubicBezTo>
                  <a:pt x="3039" y="315"/>
                  <a:pt x="3033" y="321"/>
                  <a:pt x="3033" y="328"/>
                </a:cubicBezTo>
                <a:cubicBezTo>
                  <a:pt x="3033" y="335"/>
                  <a:pt x="3039" y="341"/>
                  <a:pt x="3046" y="341"/>
                </a:cubicBezTo>
                <a:close/>
                <a:moveTo>
                  <a:pt x="3085" y="341"/>
                </a:moveTo>
                <a:cubicBezTo>
                  <a:pt x="3092" y="341"/>
                  <a:pt x="3098" y="335"/>
                  <a:pt x="3098" y="328"/>
                </a:cubicBezTo>
                <a:cubicBezTo>
                  <a:pt x="3098" y="321"/>
                  <a:pt x="3092" y="315"/>
                  <a:pt x="3085" y="315"/>
                </a:cubicBezTo>
                <a:cubicBezTo>
                  <a:pt x="3078" y="315"/>
                  <a:pt x="3073" y="321"/>
                  <a:pt x="3073" y="328"/>
                </a:cubicBezTo>
                <a:cubicBezTo>
                  <a:pt x="3073" y="335"/>
                  <a:pt x="3078" y="341"/>
                  <a:pt x="3085" y="341"/>
                </a:cubicBezTo>
                <a:close/>
                <a:moveTo>
                  <a:pt x="3125" y="341"/>
                </a:moveTo>
                <a:cubicBezTo>
                  <a:pt x="3132" y="341"/>
                  <a:pt x="3137" y="335"/>
                  <a:pt x="3137" y="328"/>
                </a:cubicBezTo>
                <a:cubicBezTo>
                  <a:pt x="3137" y="321"/>
                  <a:pt x="3132" y="315"/>
                  <a:pt x="3125" y="315"/>
                </a:cubicBezTo>
                <a:cubicBezTo>
                  <a:pt x="3118" y="315"/>
                  <a:pt x="3112" y="321"/>
                  <a:pt x="3112" y="328"/>
                </a:cubicBezTo>
                <a:cubicBezTo>
                  <a:pt x="3112" y="335"/>
                  <a:pt x="3118" y="341"/>
                  <a:pt x="3125" y="341"/>
                </a:cubicBezTo>
                <a:close/>
                <a:moveTo>
                  <a:pt x="3164" y="341"/>
                </a:moveTo>
                <a:cubicBezTo>
                  <a:pt x="3171" y="341"/>
                  <a:pt x="3177" y="335"/>
                  <a:pt x="3177" y="328"/>
                </a:cubicBezTo>
                <a:cubicBezTo>
                  <a:pt x="3177" y="321"/>
                  <a:pt x="3171" y="315"/>
                  <a:pt x="3164" y="315"/>
                </a:cubicBezTo>
                <a:cubicBezTo>
                  <a:pt x="3157" y="315"/>
                  <a:pt x="3151" y="321"/>
                  <a:pt x="3151" y="328"/>
                </a:cubicBezTo>
                <a:cubicBezTo>
                  <a:pt x="3151" y="335"/>
                  <a:pt x="3157" y="341"/>
                  <a:pt x="3164" y="341"/>
                </a:cubicBezTo>
                <a:close/>
                <a:moveTo>
                  <a:pt x="3204" y="341"/>
                </a:moveTo>
                <a:cubicBezTo>
                  <a:pt x="3211" y="341"/>
                  <a:pt x="3216" y="335"/>
                  <a:pt x="3216" y="328"/>
                </a:cubicBezTo>
                <a:cubicBezTo>
                  <a:pt x="3216" y="321"/>
                  <a:pt x="3211" y="315"/>
                  <a:pt x="3204" y="315"/>
                </a:cubicBezTo>
                <a:cubicBezTo>
                  <a:pt x="3197" y="315"/>
                  <a:pt x="3191" y="321"/>
                  <a:pt x="3191" y="328"/>
                </a:cubicBezTo>
                <a:cubicBezTo>
                  <a:pt x="3191" y="335"/>
                  <a:pt x="3197" y="341"/>
                  <a:pt x="3204" y="341"/>
                </a:cubicBezTo>
                <a:close/>
                <a:moveTo>
                  <a:pt x="3243" y="341"/>
                </a:moveTo>
                <a:cubicBezTo>
                  <a:pt x="3250" y="341"/>
                  <a:pt x="3256" y="335"/>
                  <a:pt x="3256" y="328"/>
                </a:cubicBezTo>
                <a:cubicBezTo>
                  <a:pt x="3256" y="321"/>
                  <a:pt x="3250" y="315"/>
                  <a:pt x="3243" y="315"/>
                </a:cubicBezTo>
                <a:cubicBezTo>
                  <a:pt x="3236" y="315"/>
                  <a:pt x="3230" y="321"/>
                  <a:pt x="3230" y="328"/>
                </a:cubicBezTo>
                <a:cubicBezTo>
                  <a:pt x="3230" y="335"/>
                  <a:pt x="3236" y="341"/>
                  <a:pt x="3243" y="341"/>
                </a:cubicBezTo>
                <a:close/>
                <a:moveTo>
                  <a:pt x="3282" y="341"/>
                </a:moveTo>
                <a:cubicBezTo>
                  <a:pt x="3289" y="341"/>
                  <a:pt x="3295" y="335"/>
                  <a:pt x="3295" y="328"/>
                </a:cubicBezTo>
                <a:cubicBezTo>
                  <a:pt x="3295" y="321"/>
                  <a:pt x="3289" y="315"/>
                  <a:pt x="3282" y="315"/>
                </a:cubicBezTo>
                <a:cubicBezTo>
                  <a:pt x="3275" y="315"/>
                  <a:pt x="3270" y="321"/>
                  <a:pt x="3270" y="328"/>
                </a:cubicBezTo>
                <a:cubicBezTo>
                  <a:pt x="3270" y="335"/>
                  <a:pt x="3275" y="341"/>
                  <a:pt x="3282" y="341"/>
                </a:cubicBezTo>
                <a:close/>
                <a:moveTo>
                  <a:pt x="3322" y="341"/>
                </a:moveTo>
                <a:cubicBezTo>
                  <a:pt x="3329" y="341"/>
                  <a:pt x="3335" y="335"/>
                  <a:pt x="3335" y="328"/>
                </a:cubicBezTo>
                <a:cubicBezTo>
                  <a:pt x="3335" y="321"/>
                  <a:pt x="3329" y="315"/>
                  <a:pt x="3322" y="315"/>
                </a:cubicBezTo>
                <a:cubicBezTo>
                  <a:pt x="3315" y="315"/>
                  <a:pt x="3309" y="321"/>
                  <a:pt x="3309" y="328"/>
                </a:cubicBezTo>
                <a:cubicBezTo>
                  <a:pt x="3309" y="335"/>
                  <a:pt x="3315" y="341"/>
                  <a:pt x="3322" y="341"/>
                </a:cubicBezTo>
                <a:close/>
                <a:moveTo>
                  <a:pt x="3361" y="341"/>
                </a:moveTo>
                <a:cubicBezTo>
                  <a:pt x="3368" y="341"/>
                  <a:pt x="3374" y="335"/>
                  <a:pt x="3374" y="328"/>
                </a:cubicBezTo>
                <a:cubicBezTo>
                  <a:pt x="3374" y="321"/>
                  <a:pt x="3368" y="315"/>
                  <a:pt x="3361" y="315"/>
                </a:cubicBezTo>
                <a:cubicBezTo>
                  <a:pt x="3354" y="315"/>
                  <a:pt x="3348" y="321"/>
                  <a:pt x="3348" y="328"/>
                </a:cubicBezTo>
                <a:cubicBezTo>
                  <a:pt x="3348" y="335"/>
                  <a:pt x="3354" y="341"/>
                  <a:pt x="3361" y="341"/>
                </a:cubicBezTo>
                <a:close/>
                <a:moveTo>
                  <a:pt x="3401" y="341"/>
                </a:moveTo>
                <a:cubicBezTo>
                  <a:pt x="3408" y="341"/>
                  <a:pt x="3413" y="335"/>
                  <a:pt x="3413" y="328"/>
                </a:cubicBezTo>
                <a:cubicBezTo>
                  <a:pt x="3413" y="321"/>
                  <a:pt x="3408" y="315"/>
                  <a:pt x="3401" y="315"/>
                </a:cubicBezTo>
                <a:cubicBezTo>
                  <a:pt x="3394" y="315"/>
                  <a:pt x="3388" y="321"/>
                  <a:pt x="3388" y="328"/>
                </a:cubicBezTo>
                <a:cubicBezTo>
                  <a:pt x="3388" y="335"/>
                  <a:pt x="3394" y="341"/>
                  <a:pt x="3401" y="341"/>
                </a:cubicBezTo>
                <a:close/>
                <a:moveTo>
                  <a:pt x="3440" y="341"/>
                </a:moveTo>
                <a:cubicBezTo>
                  <a:pt x="3447" y="341"/>
                  <a:pt x="3453" y="335"/>
                  <a:pt x="3453" y="328"/>
                </a:cubicBezTo>
                <a:cubicBezTo>
                  <a:pt x="3453" y="321"/>
                  <a:pt x="3447" y="315"/>
                  <a:pt x="3440" y="315"/>
                </a:cubicBezTo>
                <a:cubicBezTo>
                  <a:pt x="3433" y="315"/>
                  <a:pt x="3427" y="321"/>
                  <a:pt x="3427" y="328"/>
                </a:cubicBezTo>
                <a:cubicBezTo>
                  <a:pt x="3427" y="335"/>
                  <a:pt x="3433" y="341"/>
                  <a:pt x="3440" y="341"/>
                </a:cubicBezTo>
                <a:close/>
                <a:moveTo>
                  <a:pt x="3480" y="341"/>
                </a:moveTo>
                <a:cubicBezTo>
                  <a:pt x="3487" y="341"/>
                  <a:pt x="3492" y="335"/>
                  <a:pt x="3492" y="328"/>
                </a:cubicBezTo>
                <a:cubicBezTo>
                  <a:pt x="3492" y="321"/>
                  <a:pt x="3487" y="315"/>
                  <a:pt x="3480" y="315"/>
                </a:cubicBezTo>
                <a:cubicBezTo>
                  <a:pt x="3472" y="315"/>
                  <a:pt x="3467" y="321"/>
                  <a:pt x="3467" y="328"/>
                </a:cubicBezTo>
                <a:cubicBezTo>
                  <a:pt x="3467" y="335"/>
                  <a:pt x="3472" y="341"/>
                  <a:pt x="3480" y="341"/>
                </a:cubicBezTo>
                <a:close/>
                <a:moveTo>
                  <a:pt x="3519" y="315"/>
                </a:moveTo>
                <a:cubicBezTo>
                  <a:pt x="3512" y="315"/>
                  <a:pt x="3506" y="321"/>
                  <a:pt x="3506" y="328"/>
                </a:cubicBezTo>
                <a:cubicBezTo>
                  <a:pt x="3506" y="335"/>
                  <a:pt x="3512" y="341"/>
                  <a:pt x="3519" y="341"/>
                </a:cubicBezTo>
                <a:cubicBezTo>
                  <a:pt x="3526" y="341"/>
                  <a:pt x="3532" y="335"/>
                  <a:pt x="3532" y="328"/>
                </a:cubicBezTo>
                <a:cubicBezTo>
                  <a:pt x="3532" y="321"/>
                  <a:pt x="3526" y="315"/>
                  <a:pt x="3519" y="315"/>
                </a:cubicBezTo>
                <a:close/>
                <a:moveTo>
                  <a:pt x="3558" y="315"/>
                </a:moveTo>
                <a:cubicBezTo>
                  <a:pt x="3551" y="315"/>
                  <a:pt x="3546" y="321"/>
                  <a:pt x="3546" y="328"/>
                </a:cubicBezTo>
                <a:cubicBezTo>
                  <a:pt x="3546" y="335"/>
                  <a:pt x="3551" y="341"/>
                  <a:pt x="3558" y="341"/>
                </a:cubicBezTo>
                <a:cubicBezTo>
                  <a:pt x="3565" y="341"/>
                  <a:pt x="3571" y="335"/>
                  <a:pt x="3571" y="328"/>
                </a:cubicBezTo>
                <a:cubicBezTo>
                  <a:pt x="3571" y="321"/>
                  <a:pt x="3565" y="315"/>
                  <a:pt x="3558" y="315"/>
                </a:cubicBezTo>
                <a:close/>
                <a:moveTo>
                  <a:pt x="3598" y="315"/>
                </a:moveTo>
                <a:cubicBezTo>
                  <a:pt x="3591" y="315"/>
                  <a:pt x="3585" y="321"/>
                  <a:pt x="3585" y="328"/>
                </a:cubicBezTo>
                <a:cubicBezTo>
                  <a:pt x="3585" y="335"/>
                  <a:pt x="3591" y="341"/>
                  <a:pt x="3598" y="341"/>
                </a:cubicBezTo>
                <a:cubicBezTo>
                  <a:pt x="3605" y="341"/>
                  <a:pt x="3611" y="335"/>
                  <a:pt x="3611" y="328"/>
                </a:cubicBezTo>
                <a:cubicBezTo>
                  <a:pt x="3611" y="321"/>
                  <a:pt x="3605" y="315"/>
                  <a:pt x="3598" y="315"/>
                </a:cubicBezTo>
                <a:close/>
                <a:moveTo>
                  <a:pt x="89" y="380"/>
                </a:moveTo>
                <a:cubicBezTo>
                  <a:pt x="96" y="380"/>
                  <a:pt x="102" y="375"/>
                  <a:pt x="102" y="367"/>
                </a:cubicBezTo>
                <a:cubicBezTo>
                  <a:pt x="102" y="360"/>
                  <a:pt x="96" y="355"/>
                  <a:pt x="89" y="355"/>
                </a:cubicBezTo>
                <a:cubicBezTo>
                  <a:pt x="82" y="355"/>
                  <a:pt x="76" y="360"/>
                  <a:pt x="76" y="367"/>
                </a:cubicBezTo>
                <a:cubicBezTo>
                  <a:pt x="76" y="375"/>
                  <a:pt x="82" y="380"/>
                  <a:pt x="89" y="380"/>
                </a:cubicBezTo>
                <a:close/>
                <a:moveTo>
                  <a:pt x="128" y="380"/>
                </a:moveTo>
                <a:cubicBezTo>
                  <a:pt x="136" y="380"/>
                  <a:pt x="141" y="375"/>
                  <a:pt x="141" y="367"/>
                </a:cubicBezTo>
                <a:cubicBezTo>
                  <a:pt x="141" y="360"/>
                  <a:pt x="136" y="355"/>
                  <a:pt x="128" y="355"/>
                </a:cubicBezTo>
                <a:cubicBezTo>
                  <a:pt x="121" y="355"/>
                  <a:pt x="116" y="360"/>
                  <a:pt x="116" y="367"/>
                </a:cubicBezTo>
                <a:cubicBezTo>
                  <a:pt x="116" y="375"/>
                  <a:pt x="121" y="380"/>
                  <a:pt x="128" y="380"/>
                </a:cubicBezTo>
                <a:close/>
                <a:moveTo>
                  <a:pt x="168" y="380"/>
                </a:moveTo>
                <a:cubicBezTo>
                  <a:pt x="175" y="380"/>
                  <a:pt x="181" y="375"/>
                  <a:pt x="181" y="367"/>
                </a:cubicBezTo>
                <a:cubicBezTo>
                  <a:pt x="181" y="360"/>
                  <a:pt x="175" y="355"/>
                  <a:pt x="168" y="355"/>
                </a:cubicBezTo>
                <a:cubicBezTo>
                  <a:pt x="161" y="355"/>
                  <a:pt x="155" y="360"/>
                  <a:pt x="155" y="367"/>
                </a:cubicBezTo>
                <a:cubicBezTo>
                  <a:pt x="155" y="375"/>
                  <a:pt x="161" y="380"/>
                  <a:pt x="168" y="380"/>
                </a:cubicBezTo>
                <a:close/>
                <a:moveTo>
                  <a:pt x="207" y="380"/>
                </a:moveTo>
                <a:cubicBezTo>
                  <a:pt x="214" y="380"/>
                  <a:pt x="220" y="375"/>
                  <a:pt x="220" y="367"/>
                </a:cubicBezTo>
                <a:cubicBezTo>
                  <a:pt x="220" y="360"/>
                  <a:pt x="214" y="355"/>
                  <a:pt x="207" y="355"/>
                </a:cubicBezTo>
                <a:cubicBezTo>
                  <a:pt x="200" y="355"/>
                  <a:pt x="195" y="360"/>
                  <a:pt x="195" y="367"/>
                </a:cubicBezTo>
                <a:cubicBezTo>
                  <a:pt x="195" y="375"/>
                  <a:pt x="200" y="380"/>
                  <a:pt x="207" y="380"/>
                </a:cubicBezTo>
                <a:close/>
                <a:moveTo>
                  <a:pt x="247" y="380"/>
                </a:moveTo>
                <a:cubicBezTo>
                  <a:pt x="254" y="380"/>
                  <a:pt x="259" y="375"/>
                  <a:pt x="259" y="367"/>
                </a:cubicBezTo>
                <a:cubicBezTo>
                  <a:pt x="259" y="360"/>
                  <a:pt x="254" y="355"/>
                  <a:pt x="247" y="355"/>
                </a:cubicBezTo>
                <a:cubicBezTo>
                  <a:pt x="240" y="355"/>
                  <a:pt x="234" y="360"/>
                  <a:pt x="234" y="367"/>
                </a:cubicBezTo>
                <a:cubicBezTo>
                  <a:pt x="234" y="375"/>
                  <a:pt x="240" y="380"/>
                  <a:pt x="247" y="380"/>
                </a:cubicBezTo>
                <a:close/>
                <a:moveTo>
                  <a:pt x="286" y="380"/>
                </a:moveTo>
                <a:cubicBezTo>
                  <a:pt x="293" y="380"/>
                  <a:pt x="299" y="375"/>
                  <a:pt x="299" y="367"/>
                </a:cubicBezTo>
                <a:cubicBezTo>
                  <a:pt x="299" y="360"/>
                  <a:pt x="293" y="355"/>
                  <a:pt x="286" y="355"/>
                </a:cubicBezTo>
                <a:cubicBezTo>
                  <a:pt x="279" y="355"/>
                  <a:pt x="273" y="360"/>
                  <a:pt x="273" y="367"/>
                </a:cubicBezTo>
                <a:cubicBezTo>
                  <a:pt x="273" y="375"/>
                  <a:pt x="279" y="380"/>
                  <a:pt x="286" y="380"/>
                </a:cubicBezTo>
                <a:close/>
                <a:moveTo>
                  <a:pt x="326" y="380"/>
                </a:moveTo>
                <a:cubicBezTo>
                  <a:pt x="333" y="380"/>
                  <a:pt x="338" y="375"/>
                  <a:pt x="338" y="367"/>
                </a:cubicBezTo>
                <a:cubicBezTo>
                  <a:pt x="338" y="360"/>
                  <a:pt x="333" y="355"/>
                  <a:pt x="326" y="355"/>
                </a:cubicBezTo>
                <a:cubicBezTo>
                  <a:pt x="319" y="355"/>
                  <a:pt x="313" y="360"/>
                  <a:pt x="313" y="367"/>
                </a:cubicBezTo>
                <a:cubicBezTo>
                  <a:pt x="313" y="375"/>
                  <a:pt x="319" y="380"/>
                  <a:pt x="326" y="380"/>
                </a:cubicBezTo>
                <a:close/>
                <a:moveTo>
                  <a:pt x="365" y="380"/>
                </a:moveTo>
                <a:cubicBezTo>
                  <a:pt x="372" y="380"/>
                  <a:pt x="378" y="375"/>
                  <a:pt x="378" y="367"/>
                </a:cubicBezTo>
                <a:cubicBezTo>
                  <a:pt x="378" y="360"/>
                  <a:pt x="372" y="355"/>
                  <a:pt x="365" y="355"/>
                </a:cubicBezTo>
                <a:cubicBezTo>
                  <a:pt x="358" y="355"/>
                  <a:pt x="352" y="360"/>
                  <a:pt x="352" y="367"/>
                </a:cubicBezTo>
                <a:cubicBezTo>
                  <a:pt x="352" y="375"/>
                  <a:pt x="358" y="380"/>
                  <a:pt x="365" y="380"/>
                </a:cubicBezTo>
                <a:close/>
                <a:moveTo>
                  <a:pt x="404" y="380"/>
                </a:moveTo>
                <a:cubicBezTo>
                  <a:pt x="411" y="380"/>
                  <a:pt x="417" y="375"/>
                  <a:pt x="417" y="367"/>
                </a:cubicBezTo>
                <a:cubicBezTo>
                  <a:pt x="417" y="360"/>
                  <a:pt x="411" y="355"/>
                  <a:pt x="404" y="355"/>
                </a:cubicBezTo>
                <a:cubicBezTo>
                  <a:pt x="397" y="355"/>
                  <a:pt x="392" y="360"/>
                  <a:pt x="392" y="367"/>
                </a:cubicBezTo>
                <a:cubicBezTo>
                  <a:pt x="392" y="375"/>
                  <a:pt x="397" y="380"/>
                  <a:pt x="404" y="380"/>
                </a:cubicBezTo>
                <a:close/>
                <a:moveTo>
                  <a:pt x="444" y="380"/>
                </a:moveTo>
                <a:cubicBezTo>
                  <a:pt x="451" y="380"/>
                  <a:pt x="457" y="375"/>
                  <a:pt x="457" y="367"/>
                </a:cubicBezTo>
                <a:cubicBezTo>
                  <a:pt x="457" y="360"/>
                  <a:pt x="451" y="355"/>
                  <a:pt x="444" y="355"/>
                </a:cubicBezTo>
                <a:cubicBezTo>
                  <a:pt x="437" y="355"/>
                  <a:pt x="431" y="360"/>
                  <a:pt x="431" y="367"/>
                </a:cubicBezTo>
                <a:cubicBezTo>
                  <a:pt x="431" y="375"/>
                  <a:pt x="437" y="380"/>
                  <a:pt x="444" y="380"/>
                </a:cubicBezTo>
                <a:close/>
                <a:moveTo>
                  <a:pt x="483" y="380"/>
                </a:moveTo>
                <a:cubicBezTo>
                  <a:pt x="490" y="380"/>
                  <a:pt x="496" y="375"/>
                  <a:pt x="496" y="367"/>
                </a:cubicBezTo>
                <a:cubicBezTo>
                  <a:pt x="496" y="360"/>
                  <a:pt x="490" y="355"/>
                  <a:pt x="483" y="355"/>
                </a:cubicBezTo>
                <a:cubicBezTo>
                  <a:pt x="476" y="355"/>
                  <a:pt x="471" y="360"/>
                  <a:pt x="471" y="367"/>
                </a:cubicBezTo>
                <a:cubicBezTo>
                  <a:pt x="471" y="375"/>
                  <a:pt x="476" y="380"/>
                  <a:pt x="483" y="380"/>
                </a:cubicBezTo>
                <a:close/>
                <a:moveTo>
                  <a:pt x="523" y="380"/>
                </a:moveTo>
                <a:cubicBezTo>
                  <a:pt x="530" y="380"/>
                  <a:pt x="535" y="375"/>
                  <a:pt x="535" y="367"/>
                </a:cubicBezTo>
                <a:cubicBezTo>
                  <a:pt x="535" y="360"/>
                  <a:pt x="530" y="355"/>
                  <a:pt x="523" y="355"/>
                </a:cubicBezTo>
                <a:cubicBezTo>
                  <a:pt x="516" y="355"/>
                  <a:pt x="510" y="360"/>
                  <a:pt x="510" y="367"/>
                </a:cubicBezTo>
                <a:cubicBezTo>
                  <a:pt x="510" y="375"/>
                  <a:pt x="516" y="380"/>
                  <a:pt x="523" y="380"/>
                </a:cubicBezTo>
                <a:close/>
                <a:moveTo>
                  <a:pt x="562" y="380"/>
                </a:moveTo>
                <a:cubicBezTo>
                  <a:pt x="569" y="380"/>
                  <a:pt x="575" y="375"/>
                  <a:pt x="575" y="367"/>
                </a:cubicBezTo>
                <a:cubicBezTo>
                  <a:pt x="575" y="360"/>
                  <a:pt x="569" y="355"/>
                  <a:pt x="562" y="355"/>
                </a:cubicBezTo>
                <a:cubicBezTo>
                  <a:pt x="555" y="355"/>
                  <a:pt x="549" y="360"/>
                  <a:pt x="549" y="367"/>
                </a:cubicBezTo>
                <a:cubicBezTo>
                  <a:pt x="549" y="375"/>
                  <a:pt x="555" y="380"/>
                  <a:pt x="562" y="380"/>
                </a:cubicBezTo>
                <a:close/>
                <a:moveTo>
                  <a:pt x="602" y="380"/>
                </a:moveTo>
                <a:cubicBezTo>
                  <a:pt x="609" y="380"/>
                  <a:pt x="614" y="375"/>
                  <a:pt x="614" y="367"/>
                </a:cubicBezTo>
                <a:cubicBezTo>
                  <a:pt x="614" y="360"/>
                  <a:pt x="609" y="355"/>
                  <a:pt x="602" y="355"/>
                </a:cubicBezTo>
                <a:cubicBezTo>
                  <a:pt x="595" y="355"/>
                  <a:pt x="589" y="360"/>
                  <a:pt x="589" y="367"/>
                </a:cubicBezTo>
                <a:cubicBezTo>
                  <a:pt x="589" y="375"/>
                  <a:pt x="595" y="380"/>
                  <a:pt x="602" y="380"/>
                </a:cubicBezTo>
                <a:close/>
                <a:moveTo>
                  <a:pt x="641" y="380"/>
                </a:moveTo>
                <a:cubicBezTo>
                  <a:pt x="648" y="380"/>
                  <a:pt x="654" y="375"/>
                  <a:pt x="654" y="367"/>
                </a:cubicBezTo>
                <a:cubicBezTo>
                  <a:pt x="654" y="360"/>
                  <a:pt x="648" y="355"/>
                  <a:pt x="641" y="355"/>
                </a:cubicBezTo>
                <a:cubicBezTo>
                  <a:pt x="634" y="355"/>
                  <a:pt x="628" y="360"/>
                  <a:pt x="628" y="367"/>
                </a:cubicBezTo>
                <a:cubicBezTo>
                  <a:pt x="628" y="375"/>
                  <a:pt x="634" y="380"/>
                  <a:pt x="641" y="380"/>
                </a:cubicBezTo>
                <a:close/>
                <a:moveTo>
                  <a:pt x="680" y="380"/>
                </a:moveTo>
                <a:cubicBezTo>
                  <a:pt x="687" y="380"/>
                  <a:pt x="693" y="375"/>
                  <a:pt x="693" y="367"/>
                </a:cubicBezTo>
                <a:cubicBezTo>
                  <a:pt x="693" y="360"/>
                  <a:pt x="687" y="355"/>
                  <a:pt x="680" y="355"/>
                </a:cubicBezTo>
                <a:cubicBezTo>
                  <a:pt x="673" y="355"/>
                  <a:pt x="668" y="360"/>
                  <a:pt x="668" y="367"/>
                </a:cubicBezTo>
                <a:cubicBezTo>
                  <a:pt x="668" y="375"/>
                  <a:pt x="673" y="380"/>
                  <a:pt x="680" y="380"/>
                </a:cubicBezTo>
                <a:close/>
                <a:moveTo>
                  <a:pt x="720" y="380"/>
                </a:moveTo>
                <a:cubicBezTo>
                  <a:pt x="727" y="380"/>
                  <a:pt x="733" y="375"/>
                  <a:pt x="733" y="367"/>
                </a:cubicBezTo>
                <a:cubicBezTo>
                  <a:pt x="733" y="360"/>
                  <a:pt x="727" y="355"/>
                  <a:pt x="720" y="355"/>
                </a:cubicBezTo>
                <a:cubicBezTo>
                  <a:pt x="713" y="355"/>
                  <a:pt x="707" y="360"/>
                  <a:pt x="707" y="367"/>
                </a:cubicBezTo>
                <a:cubicBezTo>
                  <a:pt x="707" y="375"/>
                  <a:pt x="713" y="380"/>
                  <a:pt x="720" y="380"/>
                </a:cubicBezTo>
                <a:close/>
                <a:moveTo>
                  <a:pt x="759" y="380"/>
                </a:moveTo>
                <a:cubicBezTo>
                  <a:pt x="766" y="380"/>
                  <a:pt x="772" y="375"/>
                  <a:pt x="772" y="367"/>
                </a:cubicBezTo>
                <a:cubicBezTo>
                  <a:pt x="772" y="360"/>
                  <a:pt x="766" y="355"/>
                  <a:pt x="759" y="355"/>
                </a:cubicBezTo>
                <a:cubicBezTo>
                  <a:pt x="752" y="355"/>
                  <a:pt x="747" y="360"/>
                  <a:pt x="747" y="367"/>
                </a:cubicBezTo>
                <a:cubicBezTo>
                  <a:pt x="747" y="375"/>
                  <a:pt x="752" y="380"/>
                  <a:pt x="759" y="380"/>
                </a:cubicBezTo>
                <a:close/>
                <a:moveTo>
                  <a:pt x="799" y="380"/>
                </a:moveTo>
                <a:cubicBezTo>
                  <a:pt x="806" y="380"/>
                  <a:pt x="811" y="375"/>
                  <a:pt x="811" y="367"/>
                </a:cubicBezTo>
                <a:cubicBezTo>
                  <a:pt x="811" y="360"/>
                  <a:pt x="806" y="355"/>
                  <a:pt x="799" y="355"/>
                </a:cubicBezTo>
                <a:cubicBezTo>
                  <a:pt x="792" y="355"/>
                  <a:pt x="786" y="360"/>
                  <a:pt x="786" y="367"/>
                </a:cubicBezTo>
                <a:cubicBezTo>
                  <a:pt x="786" y="375"/>
                  <a:pt x="792" y="380"/>
                  <a:pt x="799" y="380"/>
                </a:cubicBezTo>
                <a:close/>
                <a:moveTo>
                  <a:pt x="838" y="380"/>
                </a:moveTo>
                <a:cubicBezTo>
                  <a:pt x="845" y="380"/>
                  <a:pt x="851" y="375"/>
                  <a:pt x="851" y="367"/>
                </a:cubicBezTo>
                <a:cubicBezTo>
                  <a:pt x="851" y="360"/>
                  <a:pt x="845" y="355"/>
                  <a:pt x="838" y="355"/>
                </a:cubicBezTo>
                <a:cubicBezTo>
                  <a:pt x="831" y="355"/>
                  <a:pt x="825" y="360"/>
                  <a:pt x="825" y="367"/>
                </a:cubicBezTo>
                <a:cubicBezTo>
                  <a:pt x="825" y="375"/>
                  <a:pt x="831" y="380"/>
                  <a:pt x="838" y="380"/>
                </a:cubicBezTo>
                <a:close/>
                <a:moveTo>
                  <a:pt x="956" y="380"/>
                </a:moveTo>
                <a:cubicBezTo>
                  <a:pt x="963" y="380"/>
                  <a:pt x="969" y="375"/>
                  <a:pt x="969" y="367"/>
                </a:cubicBezTo>
                <a:cubicBezTo>
                  <a:pt x="969" y="360"/>
                  <a:pt x="963" y="355"/>
                  <a:pt x="956" y="355"/>
                </a:cubicBezTo>
                <a:cubicBezTo>
                  <a:pt x="949" y="355"/>
                  <a:pt x="944" y="360"/>
                  <a:pt x="944" y="367"/>
                </a:cubicBezTo>
                <a:cubicBezTo>
                  <a:pt x="944" y="375"/>
                  <a:pt x="949" y="380"/>
                  <a:pt x="956" y="380"/>
                </a:cubicBezTo>
                <a:close/>
                <a:moveTo>
                  <a:pt x="996" y="380"/>
                </a:moveTo>
                <a:cubicBezTo>
                  <a:pt x="1003" y="380"/>
                  <a:pt x="1009" y="375"/>
                  <a:pt x="1009" y="367"/>
                </a:cubicBezTo>
                <a:cubicBezTo>
                  <a:pt x="1009" y="360"/>
                  <a:pt x="1003" y="355"/>
                  <a:pt x="996" y="355"/>
                </a:cubicBezTo>
                <a:cubicBezTo>
                  <a:pt x="989" y="355"/>
                  <a:pt x="983" y="360"/>
                  <a:pt x="983" y="367"/>
                </a:cubicBezTo>
                <a:cubicBezTo>
                  <a:pt x="983" y="375"/>
                  <a:pt x="989" y="380"/>
                  <a:pt x="996" y="380"/>
                </a:cubicBezTo>
                <a:close/>
                <a:moveTo>
                  <a:pt x="1193" y="380"/>
                </a:moveTo>
                <a:cubicBezTo>
                  <a:pt x="1200" y="380"/>
                  <a:pt x="1206" y="375"/>
                  <a:pt x="1206" y="367"/>
                </a:cubicBezTo>
                <a:cubicBezTo>
                  <a:pt x="1206" y="360"/>
                  <a:pt x="1200" y="355"/>
                  <a:pt x="1193" y="355"/>
                </a:cubicBezTo>
                <a:cubicBezTo>
                  <a:pt x="1186" y="355"/>
                  <a:pt x="1180" y="360"/>
                  <a:pt x="1180" y="367"/>
                </a:cubicBezTo>
                <a:cubicBezTo>
                  <a:pt x="1180" y="375"/>
                  <a:pt x="1186" y="380"/>
                  <a:pt x="1193" y="380"/>
                </a:cubicBezTo>
                <a:close/>
                <a:moveTo>
                  <a:pt x="1232" y="380"/>
                </a:moveTo>
                <a:cubicBezTo>
                  <a:pt x="1239" y="380"/>
                  <a:pt x="1245" y="375"/>
                  <a:pt x="1245" y="367"/>
                </a:cubicBezTo>
                <a:cubicBezTo>
                  <a:pt x="1245" y="360"/>
                  <a:pt x="1239" y="355"/>
                  <a:pt x="1232" y="355"/>
                </a:cubicBezTo>
                <a:cubicBezTo>
                  <a:pt x="1225" y="355"/>
                  <a:pt x="1220" y="360"/>
                  <a:pt x="1220" y="367"/>
                </a:cubicBezTo>
                <a:cubicBezTo>
                  <a:pt x="1220" y="375"/>
                  <a:pt x="1225" y="380"/>
                  <a:pt x="1232" y="380"/>
                </a:cubicBezTo>
                <a:close/>
                <a:moveTo>
                  <a:pt x="1272" y="380"/>
                </a:moveTo>
                <a:cubicBezTo>
                  <a:pt x="1279" y="380"/>
                  <a:pt x="1285" y="375"/>
                  <a:pt x="1285" y="367"/>
                </a:cubicBezTo>
                <a:cubicBezTo>
                  <a:pt x="1285" y="360"/>
                  <a:pt x="1279" y="355"/>
                  <a:pt x="1272" y="355"/>
                </a:cubicBezTo>
                <a:cubicBezTo>
                  <a:pt x="1265" y="355"/>
                  <a:pt x="1259" y="360"/>
                  <a:pt x="1259" y="367"/>
                </a:cubicBezTo>
                <a:cubicBezTo>
                  <a:pt x="1259" y="375"/>
                  <a:pt x="1265" y="380"/>
                  <a:pt x="1272" y="380"/>
                </a:cubicBezTo>
                <a:close/>
                <a:moveTo>
                  <a:pt x="1508" y="355"/>
                </a:moveTo>
                <a:cubicBezTo>
                  <a:pt x="1501" y="355"/>
                  <a:pt x="1496" y="360"/>
                  <a:pt x="1496" y="367"/>
                </a:cubicBezTo>
                <a:cubicBezTo>
                  <a:pt x="1496" y="375"/>
                  <a:pt x="1501" y="380"/>
                  <a:pt x="1508" y="380"/>
                </a:cubicBezTo>
                <a:cubicBezTo>
                  <a:pt x="1515" y="380"/>
                  <a:pt x="1521" y="375"/>
                  <a:pt x="1521" y="367"/>
                </a:cubicBezTo>
                <a:cubicBezTo>
                  <a:pt x="1521" y="360"/>
                  <a:pt x="1515" y="355"/>
                  <a:pt x="1508" y="355"/>
                </a:cubicBezTo>
                <a:close/>
                <a:moveTo>
                  <a:pt x="1824" y="380"/>
                </a:moveTo>
                <a:cubicBezTo>
                  <a:pt x="1831" y="380"/>
                  <a:pt x="1836" y="375"/>
                  <a:pt x="1836" y="367"/>
                </a:cubicBezTo>
                <a:cubicBezTo>
                  <a:pt x="1836" y="360"/>
                  <a:pt x="1831" y="355"/>
                  <a:pt x="1824" y="355"/>
                </a:cubicBezTo>
                <a:cubicBezTo>
                  <a:pt x="1817" y="355"/>
                  <a:pt x="1811" y="360"/>
                  <a:pt x="1811" y="367"/>
                </a:cubicBezTo>
                <a:cubicBezTo>
                  <a:pt x="1811" y="375"/>
                  <a:pt x="1817" y="380"/>
                  <a:pt x="1824" y="380"/>
                </a:cubicBezTo>
                <a:close/>
                <a:moveTo>
                  <a:pt x="1863" y="380"/>
                </a:moveTo>
                <a:cubicBezTo>
                  <a:pt x="1870" y="380"/>
                  <a:pt x="1876" y="375"/>
                  <a:pt x="1876" y="367"/>
                </a:cubicBezTo>
                <a:cubicBezTo>
                  <a:pt x="1876" y="360"/>
                  <a:pt x="1870" y="355"/>
                  <a:pt x="1863" y="355"/>
                </a:cubicBezTo>
                <a:cubicBezTo>
                  <a:pt x="1856" y="355"/>
                  <a:pt x="1850" y="360"/>
                  <a:pt x="1850" y="367"/>
                </a:cubicBezTo>
                <a:cubicBezTo>
                  <a:pt x="1850" y="375"/>
                  <a:pt x="1856" y="380"/>
                  <a:pt x="1863" y="380"/>
                </a:cubicBezTo>
                <a:close/>
                <a:moveTo>
                  <a:pt x="1903" y="380"/>
                </a:moveTo>
                <a:cubicBezTo>
                  <a:pt x="1910" y="380"/>
                  <a:pt x="1915" y="375"/>
                  <a:pt x="1915" y="367"/>
                </a:cubicBezTo>
                <a:cubicBezTo>
                  <a:pt x="1915" y="360"/>
                  <a:pt x="1910" y="355"/>
                  <a:pt x="1903" y="355"/>
                </a:cubicBezTo>
                <a:cubicBezTo>
                  <a:pt x="1896" y="355"/>
                  <a:pt x="1890" y="360"/>
                  <a:pt x="1890" y="367"/>
                </a:cubicBezTo>
                <a:cubicBezTo>
                  <a:pt x="1890" y="375"/>
                  <a:pt x="1896" y="380"/>
                  <a:pt x="1903" y="380"/>
                </a:cubicBezTo>
                <a:close/>
                <a:moveTo>
                  <a:pt x="1942" y="380"/>
                </a:moveTo>
                <a:cubicBezTo>
                  <a:pt x="1949" y="380"/>
                  <a:pt x="1955" y="375"/>
                  <a:pt x="1955" y="367"/>
                </a:cubicBezTo>
                <a:cubicBezTo>
                  <a:pt x="1955" y="360"/>
                  <a:pt x="1949" y="355"/>
                  <a:pt x="1942" y="355"/>
                </a:cubicBezTo>
                <a:cubicBezTo>
                  <a:pt x="1935" y="355"/>
                  <a:pt x="1929" y="360"/>
                  <a:pt x="1929" y="367"/>
                </a:cubicBezTo>
                <a:cubicBezTo>
                  <a:pt x="1929" y="375"/>
                  <a:pt x="1935" y="380"/>
                  <a:pt x="1942" y="380"/>
                </a:cubicBezTo>
                <a:close/>
                <a:moveTo>
                  <a:pt x="1981" y="380"/>
                </a:moveTo>
                <a:cubicBezTo>
                  <a:pt x="1988" y="380"/>
                  <a:pt x="1994" y="375"/>
                  <a:pt x="1994" y="367"/>
                </a:cubicBezTo>
                <a:cubicBezTo>
                  <a:pt x="1994" y="360"/>
                  <a:pt x="1988" y="355"/>
                  <a:pt x="1981" y="355"/>
                </a:cubicBezTo>
                <a:cubicBezTo>
                  <a:pt x="1974" y="355"/>
                  <a:pt x="1969" y="360"/>
                  <a:pt x="1969" y="367"/>
                </a:cubicBezTo>
                <a:cubicBezTo>
                  <a:pt x="1969" y="375"/>
                  <a:pt x="1974" y="380"/>
                  <a:pt x="1981" y="380"/>
                </a:cubicBezTo>
                <a:close/>
                <a:moveTo>
                  <a:pt x="2021" y="380"/>
                </a:moveTo>
                <a:cubicBezTo>
                  <a:pt x="2028" y="380"/>
                  <a:pt x="2034" y="375"/>
                  <a:pt x="2034" y="367"/>
                </a:cubicBezTo>
                <a:cubicBezTo>
                  <a:pt x="2034" y="360"/>
                  <a:pt x="2028" y="355"/>
                  <a:pt x="2021" y="355"/>
                </a:cubicBezTo>
                <a:cubicBezTo>
                  <a:pt x="2014" y="355"/>
                  <a:pt x="2008" y="360"/>
                  <a:pt x="2008" y="367"/>
                </a:cubicBezTo>
                <a:cubicBezTo>
                  <a:pt x="2008" y="375"/>
                  <a:pt x="2014" y="380"/>
                  <a:pt x="2021" y="380"/>
                </a:cubicBezTo>
                <a:close/>
                <a:moveTo>
                  <a:pt x="2060" y="380"/>
                </a:moveTo>
                <a:cubicBezTo>
                  <a:pt x="2067" y="380"/>
                  <a:pt x="2073" y="375"/>
                  <a:pt x="2073" y="367"/>
                </a:cubicBezTo>
                <a:cubicBezTo>
                  <a:pt x="2073" y="360"/>
                  <a:pt x="2067" y="355"/>
                  <a:pt x="2060" y="355"/>
                </a:cubicBezTo>
                <a:cubicBezTo>
                  <a:pt x="2053" y="355"/>
                  <a:pt x="2048" y="360"/>
                  <a:pt x="2048" y="367"/>
                </a:cubicBezTo>
                <a:cubicBezTo>
                  <a:pt x="2048" y="375"/>
                  <a:pt x="2053" y="380"/>
                  <a:pt x="2060" y="380"/>
                </a:cubicBezTo>
                <a:close/>
                <a:moveTo>
                  <a:pt x="2100" y="380"/>
                </a:moveTo>
                <a:cubicBezTo>
                  <a:pt x="2107" y="380"/>
                  <a:pt x="2112" y="375"/>
                  <a:pt x="2112" y="367"/>
                </a:cubicBezTo>
                <a:cubicBezTo>
                  <a:pt x="2112" y="360"/>
                  <a:pt x="2107" y="355"/>
                  <a:pt x="2100" y="355"/>
                </a:cubicBezTo>
                <a:cubicBezTo>
                  <a:pt x="2093" y="355"/>
                  <a:pt x="2087" y="360"/>
                  <a:pt x="2087" y="367"/>
                </a:cubicBezTo>
                <a:cubicBezTo>
                  <a:pt x="2087" y="375"/>
                  <a:pt x="2093" y="380"/>
                  <a:pt x="2100" y="380"/>
                </a:cubicBezTo>
                <a:close/>
                <a:moveTo>
                  <a:pt x="2139" y="380"/>
                </a:moveTo>
                <a:cubicBezTo>
                  <a:pt x="2146" y="380"/>
                  <a:pt x="2152" y="375"/>
                  <a:pt x="2152" y="367"/>
                </a:cubicBezTo>
                <a:cubicBezTo>
                  <a:pt x="2152" y="360"/>
                  <a:pt x="2146" y="355"/>
                  <a:pt x="2139" y="355"/>
                </a:cubicBezTo>
                <a:cubicBezTo>
                  <a:pt x="2132" y="355"/>
                  <a:pt x="2126" y="360"/>
                  <a:pt x="2126" y="367"/>
                </a:cubicBezTo>
                <a:cubicBezTo>
                  <a:pt x="2126" y="375"/>
                  <a:pt x="2132" y="380"/>
                  <a:pt x="2139" y="380"/>
                </a:cubicBezTo>
                <a:close/>
                <a:moveTo>
                  <a:pt x="2179" y="380"/>
                </a:moveTo>
                <a:cubicBezTo>
                  <a:pt x="2186" y="380"/>
                  <a:pt x="2191" y="375"/>
                  <a:pt x="2191" y="367"/>
                </a:cubicBezTo>
                <a:cubicBezTo>
                  <a:pt x="2191" y="360"/>
                  <a:pt x="2186" y="355"/>
                  <a:pt x="2179" y="355"/>
                </a:cubicBezTo>
                <a:cubicBezTo>
                  <a:pt x="2171" y="355"/>
                  <a:pt x="2166" y="360"/>
                  <a:pt x="2166" y="367"/>
                </a:cubicBezTo>
                <a:cubicBezTo>
                  <a:pt x="2166" y="375"/>
                  <a:pt x="2171" y="380"/>
                  <a:pt x="2179" y="380"/>
                </a:cubicBezTo>
                <a:close/>
                <a:moveTo>
                  <a:pt x="2218" y="380"/>
                </a:moveTo>
                <a:cubicBezTo>
                  <a:pt x="2225" y="380"/>
                  <a:pt x="2231" y="375"/>
                  <a:pt x="2231" y="367"/>
                </a:cubicBezTo>
                <a:cubicBezTo>
                  <a:pt x="2231" y="360"/>
                  <a:pt x="2225" y="355"/>
                  <a:pt x="2218" y="355"/>
                </a:cubicBezTo>
                <a:cubicBezTo>
                  <a:pt x="2211" y="355"/>
                  <a:pt x="2205" y="360"/>
                  <a:pt x="2205" y="367"/>
                </a:cubicBezTo>
                <a:cubicBezTo>
                  <a:pt x="2205" y="375"/>
                  <a:pt x="2211" y="380"/>
                  <a:pt x="2218" y="380"/>
                </a:cubicBezTo>
                <a:close/>
                <a:moveTo>
                  <a:pt x="2257" y="380"/>
                </a:moveTo>
                <a:cubicBezTo>
                  <a:pt x="2264" y="380"/>
                  <a:pt x="2270" y="375"/>
                  <a:pt x="2270" y="367"/>
                </a:cubicBezTo>
                <a:cubicBezTo>
                  <a:pt x="2270" y="360"/>
                  <a:pt x="2264" y="355"/>
                  <a:pt x="2257" y="355"/>
                </a:cubicBezTo>
                <a:cubicBezTo>
                  <a:pt x="2250" y="355"/>
                  <a:pt x="2245" y="360"/>
                  <a:pt x="2245" y="367"/>
                </a:cubicBezTo>
                <a:cubicBezTo>
                  <a:pt x="2245" y="375"/>
                  <a:pt x="2250" y="380"/>
                  <a:pt x="2257" y="380"/>
                </a:cubicBezTo>
                <a:close/>
                <a:moveTo>
                  <a:pt x="2297" y="380"/>
                </a:moveTo>
                <a:cubicBezTo>
                  <a:pt x="2304" y="380"/>
                  <a:pt x="2310" y="375"/>
                  <a:pt x="2310" y="367"/>
                </a:cubicBezTo>
                <a:cubicBezTo>
                  <a:pt x="2310" y="360"/>
                  <a:pt x="2304" y="355"/>
                  <a:pt x="2297" y="355"/>
                </a:cubicBezTo>
                <a:cubicBezTo>
                  <a:pt x="2290" y="355"/>
                  <a:pt x="2284" y="360"/>
                  <a:pt x="2284" y="367"/>
                </a:cubicBezTo>
                <a:cubicBezTo>
                  <a:pt x="2284" y="375"/>
                  <a:pt x="2290" y="380"/>
                  <a:pt x="2297" y="380"/>
                </a:cubicBezTo>
                <a:close/>
                <a:moveTo>
                  <a:pt x="2336" y="380"/>
                </a:moveTo>
                <a:cubicBezTo>
                  <a:pt x="2343" y="380"/>
                  <a:pt x="2349" y="375"/>
                  <a:pt x="2349" y="367"/>
                </a:cubicBezTo>
                <a:cubicBezTo>
                  <a:pt x="2349" y="360"/>
                  <a:pt x="2343" y="355"/>
                  <a:pt x="2336" y="355"/>
                </a:cubicBezTo>
                <a:cubicBezTo>
                  <a:pt x="2329" y="355"/>
                  <a:pt x="2323" y="360"/>
                  <a:pt x="2323" y="367"/>
                </a:cubicBezTo>
                <a:cubicBezTo>
                  <a:pt x="2323" y="375"/>
                  <a:pt x="2329" y="380"/>
                  <a:pt x="2336" y="380"/>
                </a:cubicBezTo>
                <a:close/>
                <a:moveTo>
                  <a:pt x="2376" y="380"/>
                </a:moveTo>
                <a:cubicBezTo>
                  <a:pt x="2383" y="380"/>
                  <a:pt x="2388" y="375"/>
                  <a:pt x="2388" y="367"/>
                </a:cubicBezTo>
                <a:cubicBezTo>
                  <a:pt x="2388" y="360"/>
                  <a:pt x="2383" y="355"/>
                  <a:pt x="2376" y="355"/>
                </a:cubicBezTo>
                <a:cubicBezTo>
                  <a:pt x="2369" y="355"/>
                  <a:pt x="2363" y="360"/>
                  <a:pt x="2363" y="367"/>
                </a:cubicBezTo>
                <a:cubicBezTo>
                  <a:pt x="2363" y="375"/>
                  <a:pt x="2369" y="380"/>
                  <a:pt x="2376" y="380"/>
                </a:cubicBezTo>
                <a:close/>
                <a:moveTo>
                  <a:pt x="2415" y="380"/>
                </a:moveTo>
                <a:cubicBezTo>
                  <a:pt x="2422" y="380"/>
                  <a:pt x="2428" y="375"/>
                  <a:pt x="2428" y="367"/>
                </a:cubicBezTo>
                <a:cubicBezTo>
                  <a:pt x="2428" y="360"/>
                  <a:pt x="2422" y="355"/>
                  <a:pt x="2415" y="355"/>
                </a:cubicBezTo>
                <a:cubicBezTo>
                  <a:pt x="2408" y="355"/>
                  <a:pt x="2402" y="360"/>
                  <a:pt x="2402" y="367"/>
                </a:cubicBezTo>
                <a:cubicBezTo>
                  <a:pt x="2402" y="375"/>
                  <a:pt x="2408" y="380"/>
                  <a:pt x="2415" y="380"/>
                </a:cubicBezTo>
                <a:close/>
                <a:moveTo>
                  <a:pt x="2454" y="380"/>
                </a:moveTo>
                <a:cubicBezTo>
                  <a:pt x="2462" y="380"/>
                  <a:pt x="2467" y="375"/>
                  <a:pt x="2467" y="367"/>
                </a:cubicBezTo>
                <a:cubicBezTo>
                  <a:pt x="2467" y="360"/>
                  <a:pt x="2462" y="355"/>
                  <a:pt x="2454" y="355"/>
                </a:cubicBezTo>
                <a:cubicBezTo>
                  <a:pt x="2447" y="355"/>
                  <a:pt x="2442" y="360"/>
                  <a:pt x="2442" y="367"/>
                </a:cubicBezTo>
                <a:cubicBezTo>
                  <a:pt x="2442" y="375"/>
                  <a:pt x="2447" y="380"/>
                  <a:pt x="2454" y="380"/>
                </a:cubicBezTo>
                <a:close/>
                <a:moveTo>
                  <a:pt x="2494" y="380"/>
                </a:moveTo>
                <a:cubicBezTo>
                  <a:pt x="2501" y="380"/>
                  <a:pt x="2507" y="375"/>
                  <a:pt x="2507" y="367"/>
                </a:cubicBezTo>
                <a:cubicBezTo>
                  <a:pt x="2507" y="360"/>
                  <a:pt x="2501" y="355"/>
                  <a:pt x="2494" y="355"/>
                </a:cubicBezTo>
                <a:cubicBezTo>
                  <a:pt x="2487" y="355"/>
                  <a:pt x="2481" y="360"/>
                  <a:pt x="2481" y="367"/>
                </a:cubicBezTo>
                <a:cubicBezTo>
                  <a:pt x="2481" y="375"/>
                  <a:pt x="2487" y="380"/>
                  <a:pt x="2494" y="380"/>
                </a:cubicBezTo>
                <a:close/>
                <a:moveTo>
                  <a:pt x="2533" y="380"/>
                </a:moveTo>
                <a:cubicBezTo>
                  <a:pt x="2540" y="380"/>
                  <a:pt x="2546" y="375"/>
                  <a:pt x="2546" y="367"/>
                </a:cubicBezTo>
                <a:cubicBezTo>
                  <a:pt x="2546" y="360"/>
                  <a:pt x="2540" y="355"/>
                  <a:pt x="2533" y="355"/>
                </a:cubicBezTo>
                <a:cubicBezTo>
                  <a:pt x="2526" y="355"/>
                  <a:pt x="2521" y="360"/>
                  <a:pt x="2521" y="367"/>
                </a:cubicBezTo>
                <a:cubicBezTo>
                  <a:pt x="2521" y="375"/>
                  <a:pt x="2526" y="380"/>
                  <a:pt x="2533" y="380"/>
                </a:cubicBezTo>
                <a:close/>
                <a:moveTo>
                  <a:pt x="2573" y="380"/>
                </a:moveTo>
                <a:cubicBezTo>
                  <a:pt x="2580" y="380"/>
                  <a:pt x="2586" y="375"/>
                  <a:pt x="2586" y="367"/>
                </a:cubicBezTo>
                <a:cubicBezTo>
                  <a:pt x="2586" y="360"/>
                  <a:pt x="2580" y="355"/>
                  <a:pt x="2573" y="355"/>
                </a:cubicBezTo>
                <a:cubicBezTo>
                  <a:pt x="2566" y="355"/>
                  <a:pt x="2560" y="360"/>
                  <a:pt x="2560" y="367"/>
                </a:cubicBezTo>
                <a:cubicBezTo>
                  <a:pt x="2560" y="375"/>
                  <a:pt x="2566" y="380"/>
                  <a:pt x="2573" y="380"/>
                </a:cubicBezTo>
                <a:close/>
                <a:moveTo>
                  <a:pt x="2612" y="380"/>
                </a:moveTo>
                <a:cubicBezTo>
                  <a:pt x="2619" y="380"/>
                  <a:pt x="2625" y="375"/>
                  <a:pt x="2625" y="367"/>
                </a:cubicBezTo>
                <a:cubicBezTo>
                  <a:pt x="2625" y="360"/>
                  <a:pt x="2619" y="355"/>
                  <a:pt x="2612" y="355"/>
                </a:cubicBezTo>
                <a:cubicBezTo>
                  <a:pt x="2605" y="355"/>
                  <a:pt x="2599" y="360"/>
                  <a:pt x="2599" y="367"/>
                </a:cubicBezTo>
                <a:cubicBezTo>
                  <a:pt x="2599" y="375"/>
                  <a:pt x="2605" y="380"/>
                  <a:pt x="2612" y="380"/>
                </a:cubicBezTo>
                <a:close/>
                <a:moveTo>
                  <a:pt x="2652" y="380"/>
                </a:moveTo>
                <a:cubicBezTo>
                  <a:pt x="2659" y="380"/>
                  <a:pt x="2664" y="375"/>
                  <a:pt x="2664" y="367"/>
                </a:cubicBezTo>
                <a:cubicBezTo>
                  <a:pt x="2664" y="360"/>
                  <a:pt x="2659" y="355"/>
                  <a:pt x="2652" y="355"/>
                </a:cubicBezTo>
                <a:cubicBezTo>
                  <a:pt x="2645" y="355"/>
                  <a:pt x="2639" y="360"/>
                  <a:pt x="2639" y="367"/>
                </a:cubicBezTo>
                <a:cubicBezTo>
                  <a:pt x="2639" y="375"/>
                  <a:pt x="2645" y="380"/>
                  <a:pt x="2652" y="380"/>
                </a:cubicBezTo>
                <a:close/>
                <a:moveTo>
                  <a:pt x="2691" y="380"/>
                </a:moveTo>
                <a:cubicBezTo>
                  <a:pt x="2698" y="380"/>
                  <a:pt x="2704" y="375"/>
                  <a:pt x="2704" y="367"/>
                </a:cubicBezTo>
                <a:cubicBezTo>
                  <a:pt x="2704" y="360"/>
                  <a:pt x="2698" y="355"/>
                  <a:pt x="2691" y="355"/>
                </a:cubicBezTo>
                <a:cubicBezTo>
                  <a:pt x="2684" y="355"/>
                  <a:pt x="2678" y="360"/>
                  <a:pt x="2678" y="367"/>
                </a:cubicBezTo>
                <a:cubicBezTo>
                  <a:pt x="2678" y="375"/>
                  <a:pt x="2684" y="380"/>
                  <a:pt x="2691" y="380"/>
                </a:cubicBezTo>
                <a:close/>
                <a:moveTo>
                  <a:pt x="2730" y="380"/>
                </a:moveTo>
                <a:cubicBezTo>
                  <a:pt x="2738" y="380"/>
                  <a:pt x="2743" y="375"/>
                  <a:pt x="2743" y="367"/>
                </a:cubicBezTo>
                <a:cubicBezTo>
                  <a:pt x="2743" y="360"/>
                  <a:pt x="2738" y="355"/>
                  <a:pt x="2730" y="355"/>
                </a:cubicBezTo>
                <a:cubicBezTo>
                  <a:pt x="2723" y="355"/>
                  <a:pt x="2718" y="360"/>
                  <a:pt x="2718" y="367"/>
                </a:cubicBezTo>
                <a:cubicBezTo>
                  <a:pt x="2718" y="375"/>
                  <a:pt x="2723" y="380"/>
                  <a:pt x="2730" y="380"/>
                </a:cubicBezTo>
                <a:close/>
                <a:moveTo>
                  <a:pt x="2770" y="380"/>
                </a:moveTo>
                <a:cubicBezTo>
                  <a:pt x="2777" y="380"/>
                  <a:pt x="2783" y="375"/>
                  <a:pt x="2783" y="367"/>
                </a:cubicBezTo>
                <a:cubicBezTo>
                  <a:pt x="2783" y="360"/>
                  <a:pt x="2777" y="355"/>
                  <a:pt x="2770" y="355"/>
                </a:cubicBezTo>
                <a:cubicBezTo>
                  <a:pt x="2763" y="355"/>
                  <a:pt x="2757" y="360"/>
                  <a:pt x="2757" y="367"/>
                </a:cubicBezTo>
                <a:cubicBezTo>
                  <a:pt x="2757" y="375"/>
                  <a:pt x="2763" y="380"/>
                  <a:pt x="2770" y="380"/>
                </a:cubicBezTo>
                <a:close/>
                <a:moveTo>
                  <a:pt x="2809" y="380"/>
                </a:moveTo>
                <a:cubicBezTo>
                  <a:pt x="2816" y="380"/>
                  <a:pt x="2822" y="375"/>
                  <a:pt x="2822" y="367"/>
                </a:cubicBezTo>
                <a:cubicBezTo>
                  <a:pt x="2822" y="360"/>
                  <a:pt x="2816" y="355"/>
                  <a:pt x="2809" y="355"/>
                </a:cubicBezTo>
                <a:cubicBezTo>
                  <a:pt x="2802" y="355"/>
                  <a:pt x="2797" y="360"/>
                  <a:pt x="2797" y="367"/>
                </a:cubicBezTo>
                <a:cubicBezTo>
                  <a:pt x="2797" y="375"/>
                  <a:pt x="2802" y="380"/>
                  <a:pt x="2809" y="380"/>
                </a:cubicBezTo>
                <a:close/>
                <a:moveTo>
                  <a:pt x="2849" y="380"/>
                </a:moveTo>
                <a:cubicBezTo>
                  <a:pt x="2856" y="380"/>
                  <a:pt x="2861" y="375"/>
                  <a:pt x="2861" y="367"/>
                </a:cubicBezTo>
                <a:cubicBezTo>
                  <a:pt x="2861" y="360"/>
                  <a:pt x="2856" y="355"/>
                  <a:pt x="2849" y="355"/>
                </a:cubicBezTo>
                <a:cubicBezTo>
                  <a:pt x="2842" y="355"/>
                  <a:pt x="2836" y="360"/>
                  <a:pt x="2836" y="367"/>
                </a:cubicBezTo>
                <a:cubicBezTo>
                  <a:pt x="2836" y="375"/>
                  <a:pt x="2842" y="380"/>
                  <a:pt x="2849" y="380"/>
                </a:cubicBezTo>
                <a:close/>
                <a:moveTo>
                  <a:pt x="2888" y="380"/>
                </a:moveTo>
                <a:cubicBezTo>
                  <a:pt x="2895" y="380"/>
                  <a:pt x="2901" y="375"/>
                  <a:pt x="2901" y="367"/>
                </a:cubicBezTo>
                <a:cubicBezTo>
                  <a:pt x="2901" y="360"/>
                  <a:pt x="2895" y="355"/>
                  <a:pt x="2888" y="355"/>
                </a:cubicBezTo>
                <a:cubicBezTo>
                  <a:pt x="2881" y="355"/>
                  <a:pt x="2875" y="360"/>
                  <a:pt x="2875" y="367"/>
                </a:cubicBezTo>
                <a:cubicBezTo>
                  <a:pt x="2875" y="375"/>
                  <a:pt x="2881" y="380"/>
                  <a:pt x="2888" y="380"/>
                </a:cubicBezTo>
                <a:close/>
                <a:moveTo>
                  <a:pt x="2928" y="380"/>
                </a:moveTo>
                <a:cubicBezTo>
                  <a:pt x="2935" y="380"/>
                  <a:pt x="2940" y="375"/>
                  <a:pt x="2940" y="367"/>
                </a:cubicBezTo>
                <a:cubicBezTo>
                  <a:pt x="2940" y="360"/>
                  <a:pt x="2935" y="355"/>
                  <a:pt x="2928" y="355"/>
                </a:cubicBezTo>
                <a:cubicBezTo>
                  <a:pt x="2921" y="355"/>
                  <a:pt x="2915" y="360"/>
                  <a:pt x="2915" y="367"/>
                </a:cubicBezTo>
                <a:cubicBezTo>
                  <a:pt x="2915" y="375"/>
                  <a:pt x="2921" y="380"/>
                  <a:pt x="2928" y="380"/>
                </a:cubicBezTo>
                <a:close/>
                <a:moveTo>
                  <a:pt x="2967" y="380"/>
                </a:moveTo>
                <a:cubicBezTo>
                  <a:pt x="2974" y="380"/>
                  <a:pt x="2980" y="375"/>
                  <a:pt x="2980" y="367"/>
                </a:cubicBezTo>
                <a:cubicBezTo>
                  <a:pt x="2980" y="360"/>
                  <a:pt x="2974" y="355"/>
                  <a:pt x="2967" y="355"/>
                </a:cubicBezTo>
                <a:cubicBezTo>
                  <a:pt x="2960" y="355"/>
                  <a:pt x="2954" y="360"/>
                  <a:pt x="2954" y="367"/>
                </a:cubicBezTo>
                <a:cubicBezTo>
                  <a:pt x="2954" y="375"/>
                  <a:pt x="2960" y="380"/>
                  <a:pt x="2967" y="380"/>
                </a:cubicBezTo>
                <a:close/>
                <a:moveTo>
                  <a:pt x="3006" y="380"/>
                </a:moveTo>
                <a:cubicBezTo>
                  <a:pt x="3013" y="380"/>
                  <a:pt x="3019" y="375"/>
                  <a:pt x="3019" y="367"/>
                </a:cubicBezTo>
                <a:cubicBezTo>
                  <a:pt x="3019" y="360"/>
                  <a:pt x="3013" y="355"/>
                  <a:pt x="3006" y="355"/>
                </a:cubicBezTo>
                <a:cubicBezTo>
                  <a:pt x="2999" y="355"/>
                  <a:pt x="2994" y="360"/>
                  <a:pt x="2994" y="367"/>
                </a:cubicBezTo>
                <a:cubicBezTo>
                  <a:pt x="2994" y="375"/>
                  <a:pt x="2999" y="380"/>
                  <a:pt x="3006" y="380"/>
                </a:cubicBezTo>
                <a:close/>
                <a:moveTo>
                  <a:pt x="3046" y="380"/>
                </a:moveTo>
                <a:cubicBezTo>
                  <a:pt x="3053" y="380"/>
                  <a:pt x="3059" y="375"/>
                  <a:pt x="3059" y="367"/>
                </a:cubicBezTo>
                <a:cubicBezTo>
                  <a:pt x="3059" y="360"/>
                  <a:pt x="3053" y="355"/>
                  <a:pt x="3046" y="355"/>
                </a:cubicBezTo>
                <a:cubicBezTo>
                  <a:pt x="3039" y="355"/>
                  <a:pt x="3033" y="360"/>
                  <a:pt x="3033" y="367"/>
                </a:cubicBezTo>
                <a:cubicBezTo>
                  <a:pt x="3033" y="375"/>
                  <a:pt x="3039" y="380"/>
                  <a:pt x="3046" y="380"/>
                </a:cubicBezTo>
                <a:close/>
                <a:moveTo>
                  <a:pt x="3085" y="380"/>
                </a:moveTo>
                <a:cubicBezTo>
                  <a:pt x="3092" y="380"/>
                  <a:pt x="3098" y="375"/>
                  <a:pt x="3098" y="367"/>
                </a:cubicBezTo>
                <a:cubicBezTo>
                  <a:pt x="3098" y="360"/>
                  <a:pt x="3092" y="355"/>
                  <a:pt x="3085" y="355"/>
                </a:cubicBezTo>
                <a:cubicBezTo>
                  <a:pt x="3078" y="355"/>
                  <a:pt x="3073" y="360"/>
                  <a:pt x="3073" y="367"/>
                </a:cubicBezTo>
                <a:cubicBezTo>
                  <a:pt x="3073" y="375"/>
                  <a:pt x="3078" y="380"/>
                  <a:pt x="3085" y="380"/>
                </a:cubicBezTo>
                <a:close/>
                <a:moveTo>
                  <a:pt x="3125" y="380"/>
                </a:moveTo>
                <a:cubicBezTo>
                  <a:pt x="3132" y="380"/>
                  <a:pt x="3137" y="375"/>
                  <a:pt x="3137" y="367"/>
                </a:cubicBezTo>
                <a:cubicBezTo>
                  <a:pt x="3137" y="360"/>
                  <a:pt x="3132" y="355"/>
                  <a:pt x="3125" y="355"/>
                </a:cubicBezTo>
                <a:cubicBezTo>
                  <a:pt x="3118" y="355"/>
                  <a:pt x="3112" y="360"/>
                  <a:pt x="3112" y="367"/>
                </a:cubicBezTo>
                <a:cubicBezTo>
                  <a:pt x="3112" y="375"/>
                  <a:pt x="3118" y="380"/>
                  <a:pt x="3125" y="380"/>
                </a:cubicBezTo>
                <a:close/>
                <a:moveTo>
                  <a:pt x="3164" y="380"/>
                </a:moveTo>
                <a:cubicBezTo>
                  <a:pt x="3171" y="380"/>
                  <a:pt x="3177" y="375"/>
                  <a:pt x="3177" y="367"/>
                </a:cubicBezTo>
                <a:cubicBezTo>
                  <a:pt x="3177" y="360"/>
                  <a:pt x="3171" y="355"/>
                  <a:pt x="3164" y="355"/>
                </a:cubicBezTo>
                <a:cubicBezTo>
                  <a:pt x="3157" y="355"/>
                  <a:pt x="3151" y="360"/>
                  <a:pt x="3151" y="367"/>
                </a:cubicBezTo>
                <a:cubicBezTo>
                  <a:pt x="3151" y="375"/>
                  <a:pt x="3157" y="380"/>
                  <a:pt x="3164" y="380"/>
                </a:cubicBezTo>
                <a:close/>
                <a:moveTo>
                  <a:pt x="3204" y="380"/>
                </a:moveTo>
                <a:cubicBezTo>
                  <a:pt x="3211" y="380"/>
                  <a:pt x="3216" y="375"/>
                  <a:pt x="3216" y="367"/>
                </a:cubicBezTo>
                <a:cubicBezTo>
                  <a:pt x="3216" y="360"/>
                  <a:pt x="3211" y="355"/>
                  <a:pt x="3204" y="355"/>
                </a:cubicBezTo>
                <a:cubicBezTo>
                  <a:pt x="3197" y="355"/>
                  <a:pt x="3191" y="360"/>
                  <a:pt x="3191" y="367"/>
                </a:cubicBezTo>
                <a:cubicBezTo>
                  <a:pt x="3191" y="375"/>
                  <a:pt x="3197" y="380"/>
                  <a:pt x="3204" y="380"/>
                </a:cubicBezTo>
                <a:close/>
                <a:moveTo>
                  <a:pt x="3243" y="380"/>
                </a:moveTo>
                <a:cubicBezTo>
                  <a:pt x="3250" y="380"/>
                  <a:pt x="3256" y="375"/>
                  <a:pt x="3256" y="367"/>
                </a:cubicBezTo>
                <a:cubicBezTo>
                  <a:pt x="3256" y="360"/>
                  <a:pt x="3250" y="355"/>
                  <a:pt x="3243" y="355"/>
                </a:cubicBezTo>
                <a:cubicBezTo>
                  <a:pt x="3236" y="355"/>
                  <a:pt x="3230" y="360"/>
                  <a:pt x="3230" y="367"/>
                </a:cubicBezTo>
                <a:cubicBezTo>
                  <a:pt x="3230" y="375"/>
                  <a:pt x="3236" y="380"/>
                  <a:pt x="3243" y="380"/>
                </a:cubicBezTo>
                <a:close/>
                <a:moveTo>
                  <a:pt x="3282" y="380"/>
                </a:moveTo>
                <a:cubicBezTo>
                  <a:pt x="3289" y="380"/>
                  <a:pt x="3295" y="375"/>
                  <a:pt x="3295" y="367"/>
                </a:cubicBezTo>
                <a:cubicBezTo>
                  <a:pt x="3295" y="360"/>
                  <a:pt x="3289" y="355"/>
                  <a:pt x="3282" y="355"/>
                </a:cubicBezTo>
                <a:cubicBezTo>
                  <a:pt x="3275" y="355"/>
                  <a:pt x="3270" y="360"/>
                  <a:pt x="3270" y="367"/>
                </a:cubicBezTo>
                <a:cubicBezTo>
                  <a:pt x="3270" y="375"/>
                  <a:pt x="3275" y="380"/>
                  <a:pt x="3282" y="380"/>
                </a:cubicBezTo>
                <a:close/>
                <a:moveTo>
                  <a:pt x="3322" y="380"/>
                </a:moveTo>
                <a:cubicBezTo>
                  <a:pt x="3329" y="380"/>
                  <a:pt x="3335" y="375"/>
                  <a:pt x="3335" y="367"/>
                </a:cubicBezTo>
                <a:cubicBezTo>
                  <a:pt x="3335" y="360"/>
                  <a:pt x="3329" y="355"/>
                  <a:pt x="3322" y="355"/>
                </a:cubicBezTo>
                <a:cubicBezTo>
                  <a:pt x="3315" y="355"/>
                  <a:pt x="3309" y="360"/>
                  <a:pt x="3309" y="367"/>
                </a:cubicBezTo>
                <a:cubicBezTo>
                  <a:pt x="3309" y="375"/>
                  <a:pt x="3315" y="380"/>
                  <a:pt x="3322" y="380"/>
                </a:cubicBezTo>
                <a:close/>
                <a:moveTo>
                  <a:pt x="3361" y="380"/>
                </a:moveTo>
                <a:cubicBezTo>
                  <a:pt x="3368" y="380"/>
                  <a:pt x="3374" y="375"/>
                  <a:pt x="3374" y="367"/>
                </a:cubicBezTo>
                <a:cubicBezTo>
                  <a:pt x="3374" y="360"/>
                  <a:pt x="3368" y="355"/>
                  <a:pt x="3361" y="355"/>
                </a:cubicBezTo>
                <a:cubicBezTo>
                  <a:pt x="3354" y="355"/>
                  <a:pt x="3348" y="360"/>
                  <a:pt x="3348" y="367"/>
                </a:cubicBezTo>
                <a:cubicBezTo>
                  <a:pt x="3348" y="375"/>
                  <a:pt x="3354" y="380"/>
                  <a:pt x="3361" y="380"/>
                </a:cubicBezTo>
                <a:close/>
                <a:moveTo>
                  <a:pt x="3401" y="380"/>
                </a:moveTo>
                <a:cubicBezTo>
                  <a:pt x="3408" y="380"/>
                  <a:pt x="3413" y="375"/>
                  <a:pt x="3413" y="367"/>
                </a:cubicBezTo>
                <a:cubicBezTo>
                  <a:pt x="3413" y="360"/>
                  <a:pt x="3408" y="355"/>
                  <a:pt x="3401" y="355"/>
                </a:cubicBezTo>
                <a:cubicBezTo>
                  <a:pt x="3394" y="355"/>
                  <a:pt x="3388" y="360"/>
                  <a:pt x="3388" y="367"/>
                </a:cubicBezTo>
                <a:cubicBezTo>
                  <a:pt x="3388" y="375"/>
                  <a:pt x="3394" y="380"/>
                  <a:pt x="3401" y="380"/>
                </a:cubicBezTo>
                <a:close/>
                <a:moveTo>
                  <a:pt x="3440" y="380"/>
                </a:moveTo>
                <a:cubicBezTo>
                  <a:pt x="3447" y="380"/>
                  <a:pt x="3453" y="375"/>
                  <a:pt x="3453" y="367"/>
                </a:cubicBezTo>
                <a:cubicBezTo>
                  <a:pt x="3453" y="360"/>
                  <a:pt x="3447" y="355"/>
                  <a:pt x="3440" y="355"/>
                </a:cubicBezTo>
                <a:cubicBezTo>
                  <a:pt x="3433" y="355"/>
                  <a:pt x="3427" y="360"/>
                  <a:pt x="3427" y="367"/>
                </a:cubicBezTo>
                <a:cubicBezTo>
                  <a:pt x="3427" y="375"/>
                  <a:pt x="3433" y="380"/>
                  <a:pt x="3440" y="380"/>
                </a:cubicBezTo>
                <a:close/>
                <a:moveTo>
                  <a:pt x="3480" y="380"/>
                </a:moveTo>
                <a:cubicBezTo>
                  <a:pt x="3487" y="380"/>
                  <a:pt x="3492" y="375"/>
                  <a:pt x="3492" y="367"/>
                </a:cubicBezTo>
                <a:cubicBezTo>
                  <a:pt x="3492" y="360"/>
                  <a:pt x="3487" y="355"/>
                  <a:pt x="3480" y="355"/>
                </a:cubicBezTo>
                <a:cubicBezTo>
                  <a:pt x="3472" y="355"/>
                  <a:pt x="3467" y="360"/>
                  <a:pt x="3467" y="367"/>
                </a:cubicBezTo>
                <a:cubicBezTo>
                  <a:pt x="3467" y="375"/>
                  <a:pt x="3472" y="380"/>
                  <a:pt x="3480" y="380"/>
                </a:cubicBezTo>
                <a:close/>
                <a:moveTo>
                  <a:pt x="50" y="394"/>
                </a:moveTo>
                <a:cubicBezTo>
                  <a:pt x="43" y="394"/>
                  <a:pt x="37" y="400"/>
                  <a:pt x="37" y="407"/>
                </a:cubicBezTo>
                <a:cubicBezTo>
                  <a:pt x="37" y="414"/>
                  <a:pt x="43" y="420"/>
                  <a:pt x="50" y="420"/>
                </a:cubicBezTo>
                <a:cubicBezTo>
                  <a:pt x="57" y="420"/>
                  <a:pt x="62" y="414"/>
                  <a:pt x="62" y="407"/>
                </a:cubicBezTo>
                <a:cubicBezTo>
                  <a:pt x="62" y="400"/>
                  <a:pt x="57" y="394"/>
                  <a:pt x="50" y="394"/>
                </a:cubicBezTo>
                <a:close/>
                <a:moveTo>
                  <a:pt x="89" y="420"/>
                </a:moveTo>
                <a:cubicBezTo>
                  <a:pt x="96" y="420"/>
                  <a:pt x="102" y="414"/>
                  <a:pt x="102" y="407"/>
                </a:cubicBezTo>
                <a:cubicBezTo>
                  <a:pt x="102" y="400"/>
                  <a:pt x="96" y="394"/>
                  <a:pt x="89" y="394"/>
                </a:cubicBezTo>
                <a:cubicBezTo>
                  <a:pt x="82" y="394"/>
                  <a:pt x="76" y="400"/>
                  <a:pt x="76" y="407"/>
                </a:cubicBezTo>
                <a:cubicBezTo>
                  <a:pt x="76" y="414"/>
                  <a:pt x="82" y="420"/>
                  <a:pt x="89" y="420"/>
                </a:cubicBezTo>
                <a:close/>
                <a:moveTo>
                  <a:pt x="128" y="420"/>
                </a:moveTo>
                <a:cubicBezTo>
                  <a:pt x="136" y="420"/>
                  <a:pt x="141" y="414"/>
                  <a:pt x="141" y="407"/>
                </a:cubicBezTo>
                <a:cubicBezTo>
                  <a:pt x="141" y="400"/>
                  <a:pt x="136" y="394"/>
                  <a:pt x="128" y="394"/>
                </a:cubicBezTo>
                <a:cubicBezTo>
                  <a:pt x="121" y="394"/>
                  <a:pt x="116" y="400"/>
                  <a:pt x="116" y="407"/>
                </a:cubicBezTo>
                <a:cubicBezTo>
                  <a:pt x="116" y="414"/>
                  <a:pt x="121" y="420"/>
                  <a:pt x="128" y="420"/>
                </a:cubicBezTo>
                <a:close/>
                <a:moveTo>
                  <a:pt x="168" y="394"/>
                </a:moveTo>
                <a:cubicBezTo>
                  <a:pt x="161" y="394"/>
                  <a:pt x="155" y="400"/>
                  <a:pt x="155" y="407"/>
                </a:cubicBezTo>
                <a:cubicBezTo>
                  <a:pt x="155" y="414"/>
                  <a:pt x="161" y="420"/>
                  <a:pt x="168" y="420"/>
                </a:cubicBezTo>
                <a:cubicBezTo>
                  <a:pt x="175" y="420"/>
                  <a:pt x="181" y="414"/>
                  <a:pt x="181" y="407"/>
                </a:cubicBezTo>
                <a:cubicBezTo>
                  <a:pt x="181" y="400"/>
                  <a:pt x="175" y="394"/>
                  <a:pt x="168" y="394"/>
                </a:cubicBezTo>
                <a:close/>
                <a:moveTo>
                  <a:pt x="207" y="394"/>
                </a:moveTo>
                <a:cubicBezTo>
                  <a:pt x="200" y="394"/>
                  <a:pt x="195" y="400"/>
                  <a:pt x="195" y="407"/>
                </a:cubicBezTo>
                <a:cubicBezTo>
                  <a:pt x="195" y="414"/>
                  <a:pt x="200" y="420"/>
                  <a:pt x="207" y="420"/>
                </a:cubicBezTo>
                <a:cubicBezTo>
                  <a:pt x="214" y="420"/>
                  <a:pt x="220" y="414"/>
                  <a:pt x="220" y="407"/>
                </a:cubicBezTo>
                <a:cubicBezTo>
                  <a:pt x="220" y="400"/>
                  <a:pt x="214" y="394"/>
                  <a:pt x="207" y="394"/>
                </a:cubicBezTo>
                <a:close/>
                <a:moveTo>
                  <a:pt x="247" y="394"/>
                </a:moveTo>
                <a:cubicBezTo>
                  <a:pt x="240" y="394"/>
                  <a:pt x="234" y="400"/>
                  <a:pt x="234" y="407"/>
                </a:cubicBezTo>
                <a:cubicBezTo>
                  <a:pt x="234" y="414"/>
                  <a:pt x="240" y="420"/>
                  <a:pt x="247" y="420"/>
                </a:cubicBezTo>
                <a:cubicBezTo>
                  <a:pt x="254" y="420"/>
                  <a:pt x="260" y="414"/>
                  <a:pt x="260" y="407"/>
                </a:cubicBezTo>
                <a:cubicBezTo>
                  <a:pt x="260" y="400"/>
                  <a:pt x="254" y="394"/>
                  <a:pt x="247" y="394"/>
                </a:cubicBezTo>
                <a:close/>
                <a:moveTo>
                  <a:pt x="286" y="394"/>
                </a:moveTo>
                <a:cubicBezTo>
                  <a:pt x="279" y="394"/>
                  <a:pt x="273" y="400"/>
                  <a:pt x="273" y="407"/>
                </a:cubicBezTo>
                <a:cubicBezTo>
                  <a:pt x="273" y="414"/>
                  <a:pt x="279" y="420"/>
                  <a:pt x="286" y="420"/>
                </a:cubicBezTo>
                <a:cubicBezTo>
                  <a:pt x="293" y="420"/>
                  <a:pt x="299" y="414"/>
                  <a:pt x="299" y="407"/>
                </a:cubicBezTo>
                <a:cubicBezTo>
                  <a:pt x="299" y="400"/>
                  <a:pt x="293" y="394"/>
                  <a:pt x="286" y="394"/>
                </a:cubicBezTo>
                <a:close/>
                <a:moveTo>
                  <a:pt x="326" y="420"/>
                </a:moveTo>
                <a:cubicBezTo>
                  <a:pt x="333" y="420"/>
                  <a:pt x="338" y="414"/>
                  <a:pt x="338" y="407"/>
                </a:cubicBezTo>
                <a:cubicBezTo>
                  <a:pt x="338" y="400"/>
                  <a:pt x="333" y="394"/>
                  <a:pt x="326" y="394"/>
                </a:cubicBezTo>
                <a:cubicBezTo>
                  <a:pt x="319" y="394"/>
                  <a:pt x="313" y="400"/>
                  <a:pt x="313" y="407"/>
                </a:cubicBezTo>
                <a:cubicBezTo>
                  <a:pt x="313" y="414"/>
                  <a:pt x="319" y="420"/>
                  <a:pt x="326" y="420"/>
                </a:cubicBezTo>
                <a:close/>
                <a:moveTo>
                  <a:pt x="365" y="420"/>
                </a:moveTo>
                <a:cubicBezTo>
                  <a:pt x="372" y="420"/>
                  <a:pt x="378" y="414"/>
                  <a:pt x="378" y="407"/>
                </a:cubicBezTo>
                <a:cubicBezTo>
                  <a:pt x="378" y="400"/>
                  <a:pt x="372" y="394"/>
                  <a:pt x="365" y="394"/>
                </a:cubicBezTo>
                <a:cubicBezTo>
                  <a:pt x="358" y="394"/>
                  <a:pt x="352" y="400"/>
                  <a:pt x="352" y="407"/>
                </a:cubicBezTo>
                <a:cubicBezTo>
                  <a:pt x="352" y="414"/>
                  <a:pt x="358" y="420"/>
                  <a:pt x="365" y="420"/>
                </a:cubicBezTo>
                <a:close/>
                <a:moveTo>
                  <a:pt x="404" y="420"/>
                </a:moveTo>
                <a:cubicBezTo>
                  <a:pt x="411" y="420"/>
                  <a:pt x="417" y="414"/>
                  <a:pt x="417" y="407"/>
                </a:cubicBezTo>
                <a:cubicBezTo>
                  <a:pt x="417" y="400"/>
                  <a:pt x="411" y="394"/>
                  <a:pt x="404" y="394"/>
                </a:cubicBezTo>
                <a:cubicBezTo>
                  <a:pt x="397" y="394"/>
                  <a:pt x="392" y="400"/>
                  <a:pt x="392" y="407"/>
                </a:cubicBezTo>
                <a:cubicBezTo>
                  <a:pt x="392" y="414"/>
                  <a:pt x="397" y="420"/>
                  <a:pt x="404" y="420"/>
                </a:cubicBezTo>
                <a:close/>
                <a:moveTo>
                  <a:pt x="444" y="420"/>
                </a:moveTo>
                <a:cubicBezTo>
                  <a:pt x="451" y="420"/>
                  <a:pt x="457" y="414"/>
                  <a:pt x="457" y="407"/>
                </a:cubicBezTo>
                <a:cubicBezTo>
                  <a:pt x="457" y="400"/>
                  <a:pt x="451" y="394"/>
                  <a:pt x="444" y="394"/>
                </a:cubicBezTo>
                <a:cubicBezTo>
                  <a:pt x="437" y="394"/>
                  <a:pt x="431" y="400"/>
                  <a:pt x="431" y="407"/>
                </a:cubicBezTo>
                <a:cubicBezTo>
                  <a:pt x="431" y="414"/>
                  <a:pt x="437" y="420"/>
                  <a:pt x="444" y="420"/>
                </a:cubicBezTo>
                <a:close/>
                <a:moveTo>
                  <a:pt x="483" y="420"/>
                </a:moveTo>
                <a:cubicBezTo>
                  <a:pt x="490" y="420"/>
                  <a:pt x="496" y="414"/>
                  <a:pt x="496" y="407"/>
                </a:cubicBezTo>
                <a:cubicBezTo>
                  <a:pt x="496" y="400"/>
                  <a:pt x="490" y="394"/>
                  <a:pt x="483" y="394"/>
                </a:cubicBezTo>
                <a:cubicBezTo>
                  <a:pt x="476" y="394"/>
                  <a:pt x="471" y="400"/>
                  <a:pt x="471" y="407"/>
                </a:cubicBezTo>
                <a:cubicBezTo>
                  <a:pt x="471" y="414"/>
                  <a:pt x="476" y="420"/>
                  <a:pt x="483" y="420"/>
                </a:cubicBezTo>
                <a:close/>
                <a:moveTo>
                  <a:pt x="523" y="396"/>
                </a:moveTo>
                <a:cubicBezTo>
                  <a:pt x="517" y="396"/>
                  <a:pt x="512" y="401"/>
                  <a:pt x="512" y="407"/>
                </a:cubicBezTo>
                <a:cubicBezTo>
                  <a:pt x="512" y="413"/>
                  <a:pt x="517" y="418"/>
                  <a:pt x="523" y="418"/>
                </a:cubicBezTo>
                <a:cubicBezTo>
                  <a:pt x="529" y="418"/>
                  <a:pt x="533" y="413"/>
                  <a:pt x="533" y="407"/>
                </a:cubicBezTo>
                <a:cubicBezTo>
                  <a:pt x="533" y="401"/>
                  <a:pt x="529" y="396"/>
                  <a:pt x="523" y="396"/>
                </a:cubicBezTo>
                <a:close/>
                <a:moveTo>
                  <a:pt x="562" y="394"/>
                </a:moveTo>
                <a:cubicBezTo>
                  <a:pt x="555" y="394"/>
                  <a:pt x="549" y="400"/>
                  <a:pt x="549" y="407"/>
                </a:cubicBezTo>
                <a:cubicBezTo>
                  <a:pt x="549" y="414"/>
                  <a:pt x="555" y="420"/>
                  <a:pt x="562" y="420"/>
                </a:cubicBezTo>
                <a:cubicBezTo>
                  <a:pt x="569" y="420"/>
                  <a:pt x="575" y="414"/>
                  <a:pt x="575" y="407"/>
                </a:cubicBezTo>
                <a:cubicBezTo>
                  <a:pt x="575" y="400"/>
                  <a:pt x="569" y="394"/>
                  <a:pt x="562" y="394"/>
                </a:cubicBezTo>
                <a:close/>
                <a:moveTo>
                  <a:pt x="602" y="420"/>
                </a:moveTo>
                <a:cubicBezTo>
                  <a:pt x="609" y="420"/>
                  <a:pt x="614" y="414"/>
                  <a:pt x="614" y="407"/>
                </a:cubicBezTo>
                <a:cubicBezTo>
                  <a:pt x="614" y="400"/>
                  <a:pt x="609" y="394"/>
                  <a:pt x="602" y="394"/>
                </a:cubicBezTo>
                <a:cubicBezTo>
                  <a:pt x="595" y="394"/>
                  <a:pt x="589" y="400"/>
                  <a:pt x="589" y="407"/>
                </a:cubicBezTo>
                <a:cubicBezTo>
                  <a:pt x="589" y="414"/>
                  <a:pt x="595" y="420"/>
                  <a:pt x="602" y="420"/>
                </a:cubicBezTo>
                <a:close/>
                <a:moveTo>
                  <a:pt x="641" y="420"/>
                </a:moveTo>
                <a:cubicBezTo>
                  <a:pt x="648" y="420"/>
                  <a:pt x="654" y="414"/>
                  <a:pt x="654" y="407"/>
                </a:cubicBezTo>
                <a:cubicBezTo>
                  <a:pt x="654" y="400"/>
                  <a:pt x="648" y="394"/>
                  <a:pt x="641" y="394"/>
                </a:cubicBezTo>
                <a:cubicBezTo>
                  <a:pt x="634" y="394"/>
                  <a:pt x="628" y="400"/>
                  <a:pt x="628" y="407"/>
                </a:cubicBezTo>
                <a:cubicBezTo>
                  <a:pt x="628" y="414"/>
                  <a:pt x="634" y="420"/>
                  <a:pt x="641" y="420"/>
                </a:cubicBezTo>
                <a:close/>
                <a:moveTo>
                  <a:pt x="680" y="420"/>
                </a:moveTo>
                <a:cubicBezTo>
                  <a:pt x="687" y="420"/>
                  <a:pt x="693" y="414"/>
                  <a:pt x="693" y="407"/>
                </a:cubicBezTo>
                <a:cubicBezTo>
                  <a:pt x="693" y="400"/>
                  <a:pt x="687" y="394"/>
                  <a:pt x="680" y="394"/>
                </a:cubicBezTo>
                <a:cubicBezTo>
                  <a:pt x="673" y="394"/>
                  <a:pt x="668" y="400"/>
                  <a:pt x="668" y="407"/>
                </a:cubicBezTo>
                <a:cubicBezTo>
                  <a:pt x="668" y="414"/>
                  <a:pt x="673" y="420"/>
                  <a:pt x="680" y="420"/>
                </a:cubicBezTo>
                <a:close/>
                <a:moveTo>
                  <a:pt x="720" y="420"/>
                </a:moveTo>
                <a:cubicBezTo>
                  <a:pt x="727" y="420"/>
                  <a:pt x="733" y="414"/>
                  <a:pt x="733" y="407"/>
                </a:cubicBezTo>
                <a:cubicBezTo>
                  <a:pt x="733" y="400"/>
                  <a:pt x="727" y="394"/>
                  <a:pt x="720" y="394"/>
                </a:cubicBezTo>
                <a:cubicBezTo>
                  <a:pt x="713" y="394"/>
                  <a:pt x="707" y="400"/>
                  <a:pt x="707" y="407"/>
                </a:cubicBezTo>
                <a:cubicBezTo>
                  <a:pt x="707" y="414"/>
                  <a:pt x="713" y="420"/>
                  <a:pt x="720" y="420"/>
                </a:cubicBezTo>
                <a:close/>
                <a:moveTo>
                  <a:pt x="917" y="420"/>
                </a:moveTo>
                <a:cubicBezTo>
                  <a:pt x="924" y="420"/>
                  <a:pt x="930" y="414"/>
                  <a:pt x="930" y="407"/>
                </a:cubicBezTo>
                <a:cubicBezTo>
                  <a:pt x="930" y="400"/>
                  <a:pt x="924" y="394"/>
                  <a:pt x="917" y="394"/>
                </a:cubicBezTo>
                <a:cubicBezTo>
                  <a:pt x="910" y="394"/>
                  <a:pt x="904" y="400"/>
                  <a:pt x="904" y="407"/>
                </a:cubicBezTo>
                <a:cubicBezTo>
                  <a:pt x="904" y="414"/>
                  <a:pt x="910" y="420"/>
                  <a:pt x="917" y="420"/>
                </a:cubicBezTo>
                <a:close/>
                <a:moveTo>
                  <a:pt x="956" y="394"/>
                </a:moveTo>
                <a:cubicBezTo>
                  <a:pt x="949" y="394"/>
                  <a:pt x="944" y="400"/>
                  <a:pt x="944" y="407"/>
                </a:cubicBezTo>
                <a:cubicBezTo>
                  <a:pt x="944" y="414"/>
                  <a:pt x="949" y="420"/>
                  <a:pt x="956" y="420"/>
                </a:cubicBezTo>
                <a:cubicBezTo>
                  <a:pt x="963" y="420"/>
                  <a:pt x="969" y="414"/>
                  <a:pt x="969" y="407"/>
                </a:cubicBezTo>
                <a:cubicBezTo>
                  <a:pt x="969" y="400"/>
                  <a:pt x="963" y="394"/>
                  <a:pt x="956" y="394"/>
                </a:cubicBezTo>
                <a:close/>
                <a:moveTo>
                  <a:pt x="1232" y="420"/>
                </a:moveTo>
                <a:cubicBezTo>
                  <a:pt x="1239" y="420"/>
                  <a:pt x="1245" y="414"/>
                  <a:pt x="1245" y="407"/>
                </a:cubicBezTo>
                <a:cubicBezTo>
                  <a:pt x="1245" y="400"/>
                  <a:pt x="1239" y="394"/>
                  <a:pt x="1232" y="394"/>
                </a:cubicBezTo>
                <a:cubicBezTo>
                  <a:pt x="1225" y="394"/>
                  <a:pt x="1220" y="400"/>
                  <a:pt x="1220" y="407"/>
                </a:cubicBezTo>
                <a:cubicBezTo>
                  <a:pt x="1220" y="414"/>
                  <a:pt x="1225" y="420"/>
                  <a:pt x="1232" y="420"/>
                </a:cubicBezTo>
                <a:close/>
                <a:moveTo>
                  <a:pt x="1784" y="420"/>
                </a:moveTo>
                <a:cubicBezTo>
                  <a:pt x="1791" y="420"/>
                  <a:pt x="1797" y="414"/>
                  <a:pt x="1797" y="407"/>
                </a:cubicBezTo>
                <a:cubicBezTo>
                  <a:pt x="1797" y="400"/>
                  <a:pt x="1791" y="394"/>
                  <a:pt x="1784" y="394"/>
                </a:cubicBezTo>
                <a:cubicBezTo>
                  <a:pt x="1777" y="394"/>
                  <a:pt x="1772" y="400"/>
                  <a:pt x="1772" y="407"/>
                </a:cubicBezTo>
                <a:cubicBezTo>
                  <a:pt x="1772" y="414"/>
                  <a:pt x="1777" y="420"/>
                  <a:pt x="1784" y="420"/>
                </a:cubicBezTo>
                <a:close/>
                <a:moveTo>
                  <a:pt x="1824" y="420"/>
                </a:moveTo>
                <a:cubicBezTo>
                  <a:pt x="1831" y="420"/>
                  <a:pt x="1836" y="414"/>
                  <a:pt x="1836" y="407"/>
                </a:cubicBezTo>
                <a:cubicBezTo>
                  <a:pt x="1836" y="400"/>
                  <a:pt x="1831" y="394"/>
                  <a:pt x="1824" y="394"/>
                </a:cubicBezTo>
                <a:cubicBezTo>
                  <a:pt x="1817" y="394"/>
                  <a:pt x="1811" y="400"/>
                  <a:pt x="1811" y="407"/>
                </a:cubicBezTo>
                <a:cubicBezTo>
                  <a:pt x="1811" y="414"/>
                  <a:pt x="1817" y="420"/>
                  <a:pt x="1824" y="420"/>
                </a:cubicBezTo>
                <a:close/>
                <a:moveTo>
                  <a:pt x="1863" y="420"/>
                </a:moveTo>
                <a:cubicBezTo>
                  <a:pt x="1870" y="420"/>
                  <a:pt x="1876" y="414"/>
                  <a:pt x="1876" y="407"/>
                </a:cubicBezTo>
                <a:cubicBezTo>
                  <a:pt x="1876" y="400"/>
                  <a:pt x="1870" y="394"/>
                  <a:pt x="1863" y="394"/>
                </a:cubicBezTo>
                <a:cubicBezTo>
                  <a:pt x="1856" y="394"/>
                  <a:pt x="1850" y="400"/>
                  <a:pt x="1850" y="407"/>
                </a:cubicBezTo>
                <a:cubicBezTo>
                  <a:pt x="1850" y="414"/>
                  <a:pt x="1856" y="420"/>
                  <a:pt x="1863" y="420"/>
                </a:cubicBezTo>
                <a:close/>
                <a:moveTo>
                  <a:pt x="1942" y="420"/>
                </a:moveTo>
                <a:cubicBezTo>
                  <a:pt x="1949" y="420"/>
                  <a:pt x="1955" y="414"/>
                  <a:pt x="1955" y="407"/>
                </a:cubicBezTo>
                <a:cubicBezTo>
                  <a:pt x="1955" y="400"/>
                  <a:pt x="1949" y="394"/>
                  <a:pt x="1942" y="394"/>
                </a:cubicBezTo>
                <a:cubicBezTo>
                  <a:pt x="1935" y="394"/>
                  <a:pt x="1929" y="400"/>
                  <a:pt x="1929" y="407"/>
                </a:cubicBezTo>
                <a:cubicBezTo>
                  <a:pt x="1929" y="414"/>
                  <a:pt x="1935" y="420"/>
                  <a:pt x="1942" y="420"/>
                </a:cubicBezTo>
                <a:close/>
                <a:moveTo>
                  <a:pt x="1981" y="420"/>
                </a:moveTo>
                <a:cubicBezTo>
                  <a:pt x="1988" y="420"/>
                  <a:pt x="1994" y="414"/>
                  <a:pt x="1994" y="407"/>
                </a:cubicBezTo>
                <a:cubicBezTo>
                  <a:pt x="1994" y="400"/>
                  <a:pt x="1988" y="394"/>
                  <a:pt x="1981" y="394"/>
                </a:cubicBezTo>
                <a:cubicBezTo>
                  <a:pt x="1974" y="394"/>
                  <a:pt x="1969" y="400"/>
                  <a:pt x="1969" y="407"/>
                </a:cubicBezTo>
                <a:cubicBezTo>
                  <a:pt x="1969" y="414"/>
                  <a:pt x="1974" y="420"/>
                  <a:pt x="1981" y="420"/>
                </a:cubicBezTo>
                <a:close/>
                <a:moveTo>
                  <a:pt x="2021" y="420"/>
                </a:moveTo>
                <a:cubicBezTo>
                  <a:pt x="2028" y="420"/>
                  <a:pt x="2034" y="414"/>
                  <a:pt x="2034" y="407"/>
                </a:cubicBezTo>
                <a:cubicBezTo>
                  <a:pt x="2034" y="400"/>
                  <a:pt x="2028" y="394"/>
                  <a:pt x="2021" y="394"/>
                </a:cubicBezTo>
                <a:cubicBezTo>
                  <a:pt x="2014" y="394"/>
                  <a:pt x="2008" y="400"/>
                  <a:pt x="2008" y="407"/>
                </a:cubicBezTo>
                <a:cubicBezTo>
                  <a:pt x="2008" y="414"/>
                  <a:pt x="2014" y="420"/>
                  <a:pt x="2021" y="420"/>
                </a:cubicBezTo>
                <a:close/>
                <a:moveTo>
                  <a:pt x="2060" y="420"/>
                </a:moveTo>
                <a:cubicBezTo>
                  <a:pt x="2067" y="420"/>
                  <a:pt x="2073" y="414"/>
                  <a:pt x="2073" y="407"/>
                </a:cubicBezTo>
                <a:cubicBezTo>
                  <a:pt x="2073" y="400"/>
                  <a:pt x="2067" y="394"/>
                  <a:pt x="2060" y="394"/>
                </a:cubicBezTo>
                <a:cubicBezTo>
                  <a:pt x="2053" y="394"/>
                  <a:pt x="2048" y="400"/>
                  <a:pt x="2048" y="407"/>
                </a:cubicBezTo>
                <a:cubicBezTo>
                  <a:pt x="2048" y="414"/>
                  <a:pt x="2053" y="420"/>
                  <a:pt x="2060" y="420"/>
                </a:cubicBezTo>
                <a:close/>
                <a:moveTo>
                  <a:pt x="2100" y="420"/>
                </a:moveTo>
                <a:cubicBezTo>
                  <a:pt x="2107" y="420"/>
                  <a:pt x="2112" y="414"/>
                  <a:pt x="2112" y="407"/>
                </a:cubicBezTo>
                <a:cubicBezTo>
                  <a:pt x="2112" y="400"/>
                  <a:pt x="2107" y="394"/>
                  <a:pt x="2100" y="394"/>
                </a:cubicBezTo>
                <a:cubicBezTo>
                  <a:pt x="2093" y="394"/>
                  <a:pt x="2087" y="400"/>
                  <a:pt x="2087" y="407"/>
                </a:cubicBezTo>
                <a:cubicBezTo>
                  <a:pt x="2087" y="414"/>
                  <a:pt x="2093" y="420"/>
                  <a:pt x="2100" y="420"/>
                </a:cubicBezTo>
                <a:close/>
                <a:moveTo>
                  <a:pt x="2139" y="420"/>
                </a:moveTo>
                <a:cubicBezTo>
                  <a:pt x="2146" y="420"/>
                  <a:pt x="2152" y="414"/>
                  <a:pt x="2152" y="407"/>
                </a:cubicBezTo>
                <a:cubicBezTo>
                  <a:pt x="2152" y="400"/>
                  <a:pt x="2146" y="394"/>
                  <a:pt x="2139" y="394"/>
                </a:cubicBezTo>
                <a:cubicBezTo>
                  <a:pt x="2132" y="394"/>
                  <a:pt x="2126" y="400"/>
                  <a:pt x="2126" y="407"/>
                </a:cubicBezTo>
                <a:cubicBezTo>
                  <a:pt x="2126" y="414"/>
                  <a:pt x="2132" y="420"/>
                  <a:pt x="2139" y="420"/>
                </a:cubicBezTo>
                <a:close/>
                <a:moveTo>
                  <a:pt x="2179" y="420"/>
                </a:moveTo>
                <a:cubicBezTo>
                  <a:pt x="2186" y="420"/>
                  <a:pt x="2191" y="414"/>
                  <a:pt x="2191" y="407"/>
                </a:cubicBezTo>
                <a:cubicBezTo>
                  <a:pt x="2191" y="400"/>
                  <a:pt x="2186" y="394"/>
                  <a:pt x="2179" y="394"/>
                </a:cubicBezTo>
                <a:cubicBezTo>
                  <a:pt x="2171" y="394"/>
                  <a:pt x="2166" y="400"/>
                  <a:pt x="2166" y="407"/>
                </a:cubicBezTo>
                <a:cubicBezTo>
                  <a:pt x="2166" y="414"/>
                  <a:pt x="2171" y="420"/>
                  <a:pt x="2179" y="420"/>
                </a:cubicBezTo>
                <a:close/>
                <a:moveTo>
                  <a:pt x="2218" y="420"/>
                </a:moveTo>
                <a:cubicBezTo>
                  <a:pt x="2225" y="420"/>
                  <a:pt x="2231" y="414"/>
                  <a:pt x="2231" y="407"/>
                </a:cubicBezTo>
                <a:cubicBezTo>
                  <a:pt x="2231" y="400"/>
                  <a:pt x="2225" y="394"/>
                  <a:pt x="2218" y="394"/>
                </a:cubicBezTo>
                <a:cubicBezTo>
                  <a:pt x="2211" y="394"/>
                  <a:pt x="2205" y="400"/>
                  <a:pt x="2205" y="407"/>
                </a:cubicBezTo>
                <a:cubicBezTo>
                  <a:pt x="2205" y="414"/>
                  <a:pt x="2211" y="420"/>
                  <a:pt x="2218" y="420"/>
                </a:cubicBezTo>
                <a:close/>
                <a:moveTo>
                  <a:pt x="2257" y="420"/>
                </a:moveTo>
                <a:cubicBezTo>
                  <a:pt x="2264" y="420"/>
                  <a:pt x="2270" y="414"/>
                  <a:pt x="2270" y="407"/>
                </a:cubicBezTo>
                <a:cubicBezTo>
                  <a:pt x="2270" y="400"/>
                  <a:pt x="2264" y="394"/>
                  <a:pt x="2257" y="394"/>
                </a:cubicBezTo>
                <a:cubicBezTo>
                  <a:pt x="2250" y="394"/>
                  <a:pt x="2245" y="400"/>
                  <a:pt x="2245" y="407"/>
                </a:cubicBezTo>
                <a:cubicBezTo>
                  <a:pt x="2245" y="414"/>
                  <a:pt x="2250" y="420"/>
                  <a:pt x="2257" y="420"/>
                </a:cubicBezTo>
                <a:close/>
                <a:moveTo>
                  <a:pt x="2297" y="420"/>
                </a:moveTo>
                <a:cubicBezTo>
                  <a:pt x="2304" y="420"/>
                  <a:pt x="2310" y="414"/>
                  <a:pt x="2310" y="407"/>
                </a:cubicBezTo>
                <a:cubicBezTo>
                  <a:pt x="2310" y="400"/>
                  <a:pt x="2304" y="394"/>
                  <a:pt x="2297" y="394"/>
                </a:cubicBezTo>
                <a:cubicBezTo>
                  <a:pt x="2290" y="394"/>
                  <a:pt x="2284" y="400"/>
                  <a:pt x="2284" y="407"/>
                </a:cubicBezTo>
                <a:cubicBezTo>
                  <a:pt x="2284" y="414"/>
                  <a:pt x="2290" y="420"/>
                  <a:pt x="2297" y="420"/>
                </a:cubicBezTo>
                <a:close/>
                <a:moveTo>
                  <a:pt x="2336" y="420"/>
                </a:moveTo>
                <a:cubicBezTo>
                  <a:pt x="2343" y="420"/>
                  <a:pt x="2349" y="414"/>
                  <a:pt x="2349" y="407"/>
                </a:cubicBezTo>
                <a:cubicBezTo>
                  <a:pt x="2349" y="400"/>
                  <a:pt x="2343" y="394"/>
                  <a:pt x="2336" y="394"/>
                </a:cubicBezTo>
                <a:cubicBezTo>
                  <a:pt x="2329" y="394"/>
                  <a:pt x="2323" y="400"/>
                  <a:pt x="2323" y="407"/>
                </a:cubicBezTo>
                <a:cubicBezTo>
                  <a:pt x="2323" y="414"/>
                  <a:pt x="2329" y="420"/>
                  <a:pt x="2336" y="420"/>
                </a:cubicBezTo>
                <a:close/>
                <a:moveTo>
                  <a:pt x="2376" y="420"/>
                </a:moveTo>
                <a:cubicBezTo>
                  <a:pt x="2383" y="420"/>
                  <a:pt x="2388" y="414"/>
                  <a:pt x="2388" y="407"/>
                </a:cubicBezTo>
                <a:cubicBezTo>
                  <a:pt x="2388" y="400"/>
                  <a:pt x="2383" y="394"/>
                  <a:pt x="2376" y="394"/>
                </a:cubicBezTo>
                <a:cubicBezTo>
                  <a:pt x="2369" y="394"/>
                  <a:pt x="2363" y="400"/>
                  <a:pt x="2363" y="407"/>
                </a:cubicBezTo>
                <a:cubicBezTo>
                  <a:pt x="2363" y="414"/>
                  <a:pt x="2369" y="420"/>
                  <a:pt x="2376" y="420"/>
                </a:cubicBezTo>
                <a:close/>
                <a:moveTo>
                  <a:pt x="2415" y="420"/>
                </a:moveTo>
                <a:cubicBezTo>
                  <a:pt x="2422" y="420"/>
                  <a:pt x="2428" y="414"/>
                  <a:pt x="2428" y="407"/>
                </a:cubicBezTo>
                <a:cubicBezTo>
                  <a:pt x="2428" y="400"/>
                  <a:pt x="2422" y="394"/>
                  <a:pt x="2415" y="394"/>
                </a:cubicBezTo>
                <a:cubicBezTo>
                  <a:pt x="2408" y="394"/>
                  <a:pt x="2402" y="400"/>
                  <a:pt x="2402" y="407"/>
                </a:cubicBezTo>
                <a:cubicBezTo>
                  <a:pt x="2402" y="414"/>
                  <a:pt x="2408" y="420"/>
                  <a:pt x="2415" y="420"/>
                </a:cubicBezTo>
                <a:close/>
                <a:moveTo>
                  <a:pt x="2454" y="420"/>
                </a:moveTo>
                <a:cubicBezTo>
                  <a:pt x="2462" y="420"/>
                  <a:pt x="2467" y="414"/>
                  <a:pt x="2467" y="407"/>
                </a:cubicBezTo>
                <a:cubicBezTo>
                  <a:pt x="2467" y="400"/>
                  <a:pt x="2462" y="394"/>
                  <a:pt x="2454" y="394"/>
                </a:cubicBezTo>
                <a:cubicBezTo>
                  <a:pt x="2447" y="394"/>
                  <a:pt x="2442" y="400"/>
                  <a:pt x="2442" y="407"/>
                </a:cubicBezTo>
                <a:cubicBezTo>
                  <a:pt x="2442" y="414"/>
                  <a:pt x="2447" y="420"/>
                  <a:pt x="2454" y="420"/>
                </a:cubicBezTo>
                <a:close/>
                <a:moveTo>
                  <a:pt x="2494" y="420"/>
                </a:moveTo>
                <a:cubicBezTo>
                  <a:pt x="2501" y="420"/>
                  <a:pt x="2507" y="414"/>
                  <a:pt x="2507" y="407"/>
                </a:cubicBezTo>
                <a:cubicBezTo>
                  <a:pt x="2507" y="400"/>
                  <a:pt x="2501" y="394"/>
                  <a:pt x="2494" y="394"/>
                </a:cubicBezTo>
                <a:cubicBezTo>
                  <a:pt x="2487" y="394"/>
                  <a:pt x="2481" y="400"/>
                  <a:pt x="2481" y="407"/>
                </a:cubicBezTo>
                <a:cubicBezTo>
                  <a:pt x="2481" y="414"/>
                  <a:pt x="2487" y="420"/>
                  <a:pt x="2494" y="420"/>
                </a:cubicBezTo>
                <a:close/>
                <a:moveTo>
                  <a:pt x="2533" y="420"/>
                </a:moveTo>
                <a:cubicBezTo>
                  <a:pt x="2540" y="420"/>
                  <a:pt x="2546" y="414"/>
                  <a:pt x="2546" y="407"/>
                </a:cubicBezTo>
                <a:cubicBezTo>
                  <a:pt x="2546" y="400"/>
                  <a:pt x="2540" y="394"/>
                  <a:pt x="2533" y="394"/>
                </a:cubicBezTo>
                <a:cubicBezTo>
                  <a:pt x="2526" y="394"/>
                  <a:pt x="2521" y="400"/>
                  <a:pt x="2521" y="407"/>
                </a:cubicBezTo>
                <a:cubicBezTo>
                  <a:pt x="2521" y="414"/>
                  <a:pt x="2526" y="420"/>
                  <a:pt x="2533" y="420"/>
                </a:cubicBezTo>
                <a:close/>
                <a:moveTo>
                  <a:pt x="2573" y="420"/>
                </a:moveTo>
                <a:cubicBezTo>
                  <a:pt x="2580" y="420"/>
                  <a:pt x="2586" y="414"/>
                  <a:pt x="2586" y="407"/>
                </a:cubicBezTo>
                <a:cubicBezTo>
                  <a:pt x="2586" y="400"/>
                  <a:pt x="2580" y="394"/>
                  <a:pt x="2573" y="394"/>
                </a:cubicBezTo>
                <a:cubicBezTo>
                  <a:pt x="2566" y="394"/>
                  <a:pt x="2560" y="400"/>
                  <a:pt x="2560" y="407"/>
                </a:cubicBezTo>
                <a:cubicBezTo>
                  <a:pt x="2560" y="414"/>
                  <a:pt x="2566" y="420"/>
                  <a:pt x="2573" y="420"/>
                </a:cubicBezTo>
                <a:close/>
                <a:moveTo>
                  <a:pt x="2612" y="420"/>
                </a:moveTo>
                <a:cubicBezTo>
                  <a:pt x="2619" y="420"/>
                  <a:pt x="2625" y="414"/>
                  <a:pt x="2625" y="407"/>
                </a:cubicBezTo>
                <a:cubicBezTo>
                  <a:pt x="2625" y="400"/>
                  <a:pt x="2619" y="394"/>
                  <a:pt x="2612" y="394"/>
                </a:cubicBezTo>
                <a:cubicBezTo>
                  <a:pt x="2605" y="394"/>
                  <a:pt x="2599" y="400"/>
                  <a:pt x="2599" y="407"/>
                </a:cubicBezTo>
                <a:cubicBezTo>
                  <a:pt x="2599" y="414"/>
                  <a:pt x="2605" y="420"/>
                  <a:pt x="2612" y="420"/>
                </a:cubicBezTo>
                <a:close/>
                <a:moveTo>
                  <a:pt x="2652" y="420"/>
                </a:moveTo>
                <a:cubicBezTo>
                  <a:pt x="2659" y="420"/>
                  <a:pt x="2664" y="414"/>
                  <a:pt x="2664" y="407"/>
                </a:cubicBezTo>
                <a:cubicBezTo>
                  <a:pt x="2664" y="400"/>
                  <a:pt x="2659" y="394"/>
                  <a:pt x="2652" y="394"/>
                </a:cubicBezTo>
                <a:cubicBezTo>
                  <a:pt x="2645" y="394"/>
                  <a:pt x="2639" y="400"/>
                  <a:pt x="2639" y="407"/>
                </a:cubicBezTo>
                <a:cubicBezTo>
                  <a:pt x="2639" y="414"/>
                  <a:pt x="2645" y="420"/>
                  <a:pt x="2652" y="420"/>
                </a:cubicBezTo>
                <a:close/>
                <a:moveTo>
                  <a:pt x="2691" y="420"/>
                </a:moveTo>
                <a:cubicBezTo>
                  <a:pt x="2698" y="420"/>
                  <a:pt x="2704" y="414"/>
                  <a:pt x="2704" y="407"/>
                </a:cubicBezTo>
                <a:cubicBezTo>
                  <a:pt x="2704" y="400"/>
                  <a:pt x="2698" y="394"/>
                  <a:pt x="2691" y="394"/>
                </a:cubicBezTo>
                <a:cubicBezTo>
                  <a:pt x="2684" y="394"/>
                  <a:pt x="2678" y="400"/>
                  <a:pt x="2678" y="407"/>
                </a:cubicBezTo>
                <a:cubicBezTo>
                  <a:pt x="2678" y="414"/>
                  <a:pt x="2684" y="420"/>
                  <a:pt x="2691" y="420"/>
                </a:cubicBezTo>
                <a:close/>
                <a:moveTo>
                  <a:pt x="2730" y="420"/>
                </a:moveTo>
                <a:cubicBezTo>
                  <a:pt x="2738" y="420"/>
                  <a:pt x="2743" y="414"/>
                  <a:pt x="2743" y="407"/>
                </a:cubicBezTo>
                <a:cubicBezTo>
                  <a:pt x="2743" y="400"/>
                  <a:pt x="2738" y="394"/>
                  <a:pt x="2730" y="394"/>
                </a:cubicBezTo>
                <a:cubicBezTo>
                  <a:pt x="2723" y="394"/>
                  <a:pt x="2718" y="400"/>
                  <a:pt x="2718" y="407"/>
                </a:cubicBezTo>
                <a:cubicBezTo>
                  <a:pt x="2718" y="414"/>
                  <a:pt x="2723" y="420"/>
                  <a:pt x="2730" y="420"/>
                </a:cubicBezTo>
                <a:close/>
                <a:moveTo>
                  <a:pt x="2770" y="420"/>
                </a:moveTo>
                <a:cubicBezTo>
                  <a:pt x="2777" y="420"/>
                  <a:pt x="2783" y="414"/>
                  <a:pt x="2783" y="407"/>
                </a:cubicBezTo>
                <a:cubicBezTo>
                  <a:pt x="2783" y="400"/>
                  <a:pt x="2777" y="394"/>
                  <a:pt x="2770" y="394"/>
                </a:cubicBezTo>
                <a:cubicBezTo>
                  <a:pt x="2763" y="394"/>
                  <a:pt x="2757" y="400"/>
                  <a:pt x="2757" y="407"/>
                </a:cubicBezTo>
                <a:cubicBezTo>
                  <a:pt x="2757" y="414"/>
                  <a:pt x="2763" y="420"/>
                  <a:pt x="2770" y="420"/>
                </a:cubicBezTo>
                <a:close/>
                <a:moveTo>
                  <a:pt x="2809" y="420"/>
                </a:moveTo>
                <a:cubicBezTo>
                  <a:pt x="2816" y="420"/>
                  <a:pt x="2822" y="414"/>
                  <a:pt x="2822" y="407"/>
                </a:cubicBezTo>
                <a:cubicBezTo>
                  <a:pt x="2822" y="400"/>
                  <a:pt x="2816" y="394"/>
                  <a:pt x="2809" y="394"/>
                </a:cubicBezTo>
                <a:cubicBezTo>
                  <a:pt x="2802" y="394"/>
                  <a:pt x="2797" y="400"/>
                  <a:pt x="2797" y="407"/>
                </a:cubicBezTo>
                <a:cubicBezTo>
                  <a:pt x="2797" y="414"/>
                  <a:pt x="2802" y="420"/>
                  <a:pt x="2809" y="420"/>
                </a:cubicBezTo>
                <a:close/>
                <a:moveTo>
                  <a:pt x="2849" y="420"/>
                </a:moveTo>
                <a:cubicBezTo>
                  <a:pt x="2856" y="420"/>
                  <a:pt x="2861" y="414"/>
                  <a:pt x="2861" y="407"/>
                </a:cubicBezTo>
                <a:cubicBezTo>
                  <a:pt x="2861" y="400"/>
                  <a:pt x="2856" y="394"/>
                  <a:pt x="2849" y="394"/>
                </a:cubicBezTo>
                <a:cubicBezTo>
                  <a:pt x="2842" y="394"/>
                  <a:pt x="2836" y="400"/>
                  <a:pt x="2836" y="407"/>
                </a:cubicBezTo>
                <a:cubicBezTo>
                  <a:pt x="2836" y="414"/>
                  <a:pt x="2842" y="420"/>
                  <a:pt x="2849" y="420"/>
                </a:cubicBezTo>
                <a:close/>
                <a:moveTo>
                  <a:pt x="2888" y="420"/>
                </a:moveTo>
                <a:cubicBezTo>
                  <a:pt x="2895" y="420"/>
                  <a:pt x="2901" y="414"/>
                  <a:pt x="2901" y="407"/>
                </a:cubicBezTo>
                <a:cubicBezTo>
                  <a:pt x="2901" y="400"/>
                  <a:pt x="2895" y="394"/>
                  <a:pt x="2888" y="394"/>
                </a:cubicBezTo>
                <a:cubicBezTo>
                  <a:pt x="2881" y="394"/>
                  <a:pt x="2875" y="400"/>
                  <a:pt x="2875" y="407"/>
                </a:cubicBezTo>
                <a:cubicBezTo>
                  <a:pt x="2875" y="414"/>
                  <a:pt x="2881" y="420"/>
                  <a:pt x="2888" y="420"/>
                </a:cubicBezTo>
                <a:close/>
                <a:moveTo>
                  <a:pt x="2928" y="420"/>
                </a:moveTo>
                <a:cubicBezTo>
                  <a:pt x="2935" y="420"/>
                  <a:pt x="2940" y="414"/>
                  <a:pt x="2940" y="407"/>
                </a:cubicBezTo>
                <a:cubicBezTo>
                  <a:pt x="2940" y="400"/>
                  <a:pt x="2935" y="394"/>
                  <a:pt x="2928" y="394"/>
                </a:cubicBezTo>
                <a:cubicBezTo>
                  <a:pt x="2921" y="394"/>
                  <a:pt x="2915" y="400"/>
                  <a:pt x="2915" y="407"/>
                </a:cubicBezTo>
                <a:cubicBezTo>
                  <a:pt x="2915" y="414"/>
                  <a:pt x="2921" y="420"/>
                  <a:pt x="2928" y="420"/>
                </a:cubicBezTo>
                <a:close/>
                <a:moveTo>
                  <a:pt x="2967" y="420"/>
                </a:moveTo>
                <a:cubicBezTo>
                  <a:pt x="2974" y="420"/>
                  <a:pt x="2980" y="414"/>
                  <a:pt x="2980" y="407"/>
                </a:cubicBezTo>
                <a:cubicBezTo>
                  <a:pt x="2980" y="400"/>
                  <a:pt x="2974" y="394"/>
                  <a:pt x="2967" y="394"/>
                </a:cubicBezTo>
                <a:cubicBezTo>
                  <a:pt x="2960" y="394"/>
                  <a:pt x="2954" y="400"/>
                  <a:pt x="2954" y="407"/>
                </a:cubicBezTo>
                <a:cubicBezTo>
                  <a:pt x="2954" y="414"/>
                  <a:pt x="2960" y="420"/>
                  <a:pt x="2967" y="420"/>
                </a:cubicBezTo>
                <a:close/>
                <a:moveTo>
                  <a:pt x="3006" y="420"/>
                </a:moveTo>
                <a:cubicBezTo>
                  <a:pt x="3013" y="420"/>
                  <a:pt x="3019" y="414"/>
                  <a:pt x="3019" y="407"/>
                </a:cubicBezTo>
                <a:cubicBezTo>
                  <a:pt x="3019" y="400"/>
                  <a:pt x="3013" y="394"/>
                  <a:pt x="3006" y="394"/>
                </a:cubicBezTo>
                <a:cubicBezTo>
                  <a:pt x="2999" y="394"/>
                  <a:pt x="2994" y="400"/>
                  <a:pt x="2994" y="407"/>
                </a:cubicBezTo>
                <a:cubicBezTo>
                  <a:pt x="2994" y="414"/>
                  <a:pt x="2999" y="420"/>
                  <a:pt x="3006" y="420"/>
                </a:cubicBezTo>
                <a:close/>
                <a:moveTo>
                  <a:pt x="3046" y="420"/>
                </a:moveTo>
                <a:cubicBezTo>
                  <a:pt x="3053" y="420"/>
                  <a:pt x="3059" y="414"/>
                  <a:pt x="3059" y="407"/>
                </a:cubicBezTo>
                <a:cubicBezTo>
                  <a:pt x="3059" y="400"/>
                  <a:pt x="3053" y="394"/>
                  <a:pt x="3046" y="394"/>
                </a:cubicBezTo>
                <a:cubicBezTo>
                  <a:pt x="3039" y="394"/>
                  <a:pt x="3033" y="400"/>
                  <a:pt x="3033" y="407"/>
                </a:cubicBezTo>
                <a:cubicBezTo>
                  <a:pt x="3033" y="414"/>
                  <a:pt x="3039" y="420"/>
                  <a:pt x="3046" y="420"/>
                </a:cubicBezTo>
                <a:close/>
                <a:moveTo>
                  <a:pt x="3085" y="420"/>
                </a:moveTo>
                <a:cubicBezTo>
                  <a:pt x="3092" y="420"/>
                  <a:pt x="3098" y="414"/>
                  <a:pt x="3098" y="407"/>
                </a:cubicBezTo>
                <a:cubicBezTo>
                  <a:pt x="3098" y="400"/>
                  <a:pt x="3092" y="394"/>
                  <a:pt x="3085" y="394"/>
                </a:cubicBezTo>
                <a:cubicBezTo>
                  <a:pt x="3078" y="394"/>
                  <a:pt x="3073" y="400"/>
                  <a:pt x="3073" y="407"/>
                </a:cubicBezTo>
                <a:cubicBezTo>
                  <a:pt x="3073" y="414"/>
                  <a:pt x="3078" y="420"/>
                  <a:pt x="3085" y="420"/>
                </a:cubicBezTo>
                <a:close/>
                <a:moveTo>
                  <a:pt x="3125" y="420"/>
                </a:moveTo>
                <a:cubicBezTo>
                  <a:pt x="3132" y="420"/>
                  <a:pt x="3137" y="414"/>
                  <a:pt x="3137" y="407"/>
                </a:cubicBezTo>
                <a:cubicBezTo>
                  <a:pt x="3137" y="400"/>
                  <a:pt x="3132" y="394"/>
                  <a:pt x="3125" y="394"/>
                </a:cubicBezTo>
                <a:cubicBezTo>
                  <a:pt x="3118" y="394"/>
                  <a:pt x="3112" y="400"/>
                  <a:pt x="3112" y="407"/>
                </a:cubicBezTo>
                <a:cubicBezTo>
                  <a:pt x="3112" y="414"/>
                  <a:pt x="3118" y="420"/>
                  <a:pt x="3125" y="420"/>
                </a:cubicBezTo>
                <a:close/>
                <a:moveTo>
                  <a:pt x="3164" y="420"/>
                </a:moveTo>
                <a:cubicBezTo>
                  <a:pt x="3171" y="420"/>
                  <a:pt x="3177" y="414"/>
                  <a:pt x="3177" y="407"/>
                </a:cubicBezTo>
                <a:cubicBezTo>
                  <a:pt x="3177" y="400"/>
                  <a:pt x="3171" y="394"/>
                  <a:pt x="3164" y="394"/>
                </a:cubicBezTo>
                <a:cubicBezTo>
                  <a:pt x="3157" y="394"/>
                  <a:pt x="3151" y="400"/>
                  <a:pt x="3151" y="407"/>
                </a:cubicBezTo>
                <a:cubicBezTo>
                  <a:pt x="3151" y="414"/>
                  <a:pt x="3157" y="420"/>
                  <a:pt x="3164" y="420"/>
                </a:cubicBezTo>
                <a:close/>
                <a:moveTo>
                  <a:pt x="3204" y="420"/>
                </a:moveTo>
                <a:cubicBezTo>
                  <a:pt x="3211" y="420"/>
                  <a:pt x="3216" y="414"/>
                  <a:pt x="3216" y="407"/>
                </a:cubicBezTo>
                <a:cubicBezTo>
                  <a:pt x="3216" y="400"/>
                  <a:pt x="3211" y="394"/>
                  <a:pt x="3204" y="394"/>
                </a:cubicBezTo>
                <a:cubicBezTo>
                  <a:pt x="3197" y="394"/>
                  <a:pt x="3191" y="400"/>
                  <a:pt x="3191" y="407"/>
                </a:cubicBezTo>
                <a:cubicBezTo>
                  <a:pt x="3191" y="414"/>
                  <a:pt x="3197" y="420"/>
                  <a:pt x="3204" y="420"/>
                </a:cubicBezTo>
                <a:close/>
                <a:moveTo>
                  <a:pt x="3243" y="420"/>
                </a:moveTo>
                <a:cubicBezTo>
                  <a:pt x="3250" y="420"/>
                  <a:pt x="3256" y="414"/>
                  <a:pt x="3256" y="407"/>
                </a:cubicBezTo>
                <a:cubicBezTo>
                  <a:pt x="3256" y="400"/>
                  <a:pt x="3250" y="394"/>
                  <a:pt x="3243" y="394"/>
                </a:cubicBezTo>
                <a:cubicBezTo>
                  <a:pt x="3236" y="394"/>
                  <a:pt x="3230" y="400"/>
                  <a:pt x="3230" y="407"/>
                </a:cubicBezTo>
                <a:cubicBezTo>
                  <a:pt x="3230" y="414"/>
                  <a:pt x="3236" y="420"/>
                  <a:pt x="3243" y="420"/>
                </a:cubicBezTo>
                <a:close/>
                <a:moveTo>
                  <a:pt x="3282" y="420"/>
                </a:moveTo>
                <a:cubicBezTo>
                  <a:pt x="3289" y="420"/>
                  <a:pt x="3295" y="414"/>
                  <a:pt x="3295" y="407"/>
                </a:cubicBezTo>
                <a:cubicBezTo>
                  <a:pt x="3295" y="400"/>
                  <a:pt x="3289" y="394"/>
                  <a:pt x="3282" y="394"/>
                </a:cubicBezTo>
                <a:cubicBezTo>
                  <a:pt x="3275" y="394"/>
                  <a:pt x="3270" y="400"/>
                  <a:pt x="3270" y="407"/>
                </a:cubicBezTo>
                <a:cubicBezTo>
                  <a:pt x="3270" y="414"/>
                  <a:pt x="3275" y="420"/>
                  <a:pt x="3282" y="420"/>
                </a:cubicBezTo>
                <a:close/>
                <a:moveTo>
                  <a:pt x="3361" y="394"/>
                </a:moveTo>
                <a:cubicBezTo>
                  <a:pt x="3354" y="394"/>
                  <a:pt x="3349" y="400"/>
                  <a:pt x="3349" y="407"/>
                </a:cubicBezTo>
                <a:cubicBezTo>
                  <a:pt x="3349" y="414"/>
                  <a:pt x="3354" y="420"/>
                  <a:pt x="3361" y="420"/>
                </a:cubicBezTo>
                <a:cubicBezTo>
                  <a:pt x="3368" y="420"/>
                  <a:pt x="3374" y="414"/>
                  <a:pt x="3374" y="407"/>
                </a:cubicBezTo>
                <a:cubicBezTo>
                  <a:pt x="3374" y="400"/>
                  <a:pt x="3368" y="394"/>
                  <a:pt x="3361" y="394"/>
                </a:cubicBezTo>
                <a:close/>
                <a:moveTo>
                  <a:pt x="3401" y="420"/>
                </a:moveTo>
                <a:cubicBezTo>
                  <a:pt x="3408" y="420"/>
                  <a:pt x="3413" y="414"/>
                  <a:pt x="3413" y="407"/>
                </a:cubicBezTo>
                <a:cubicBezTo>
                  <a:pt x="3413" y="400"/>
                  <a:pt x="3408" y="394"/>
                  <a:pt x="3401" y="394"/>
                </a:cubicBezTo>
                <a:cubicBezTo>
                  <a:pt x="3394" y="394"/>
                  <a:pt x="3388" y="400"/>
                  <a:pt x="3388" y="407"/>
                </a:cubicBezTo>
                <a:cubicBezTo>
                  <a:pt x="3388" y="414"/>
                  <a:pt x="3394" y="420"/>
                  <a:pt x="3401" y="420"/>
                </a:cubicBezTo>
                <a:close/>
                <a:moveTo>
                  <a:pt x="3440" y="420"/>
                </a:moveTo>
                <a:cubicBezTo>
                  <a:pt x="3447" y="420"/>
                  <a:pt x="3453" y="414"/>
                  <a:pt x="3453" y="407"/>
                </a:cubicBezTo>
                <a:cubicBezTo>
                  <a:pt x="3453" y="400"/>
                  <a:pt x="3447" y="394"/>
                  <a:pt x="3440" y="394"/>
                </a:cubicBezTo>
                <a:cubicBezTo>
                  <a:pt x="3433" y="394"/>
                  <a:pt x="3427" y="400"/>
                  <a:pt x="3427" y="407"/>
                </a:cubicBezTo>
                <a:cubicBezTo>
                  <a:pt x="3427" y="414"/>
                  <a:pt x="3433" y="420"/>
                  <a:pt x="3440" y="420"/>
                </a:cubicBezTo>
                <a:close/>
                <a:moveTo>
                  <a:pt x="89" y="434"/>
                </a:moveTo>
                <a:cubicBezTo>
                  <a:pt x="82" y="434"/>
                  <a:pt x="76" y="439"/>
                  <a:pt x="76" y="446"/>
                </a:cubicBezTo>
                <a:cubicBezTo>
                  <a:pt x="76" y="453"/>
                  <a:pt x="82" y="459"/>
                  <a:pt x="89" y="459"/>
                </a:cubicBezTo>
                <a:cubicBezTo>
                  <a:pt x="96" y="459"/>
                  <a:pt x="102" y="453"/>
                  <a:pt x="102" y="446"/>
                </a:cubicBezTo>
                <a:cubicBezTo>
                  <a:pt x="102" y="439"/>
                  <a:pt x="96" y="434"/>
                  <a:pt x="89" y="434"/>
                </a:cubicBezTo>
                <a:close/>
                <a:moveTo>
                  <a:pt x="128" y="434"/>
                </a:moveTo>
                <a:cubicBezTo>
                  <a:pt x="121" y="434"/>
                  <a:pt x="116" y="439"/>
                  <a:pt x="116" y="446"/>
                </a:cubicBezTo>
                <a:cubicBezTo>
                  <a:pt x="116" y="453"/>
                  <a:pt x="121" y="459"/>
                  <a:pt x="128" y="459"/>
                </a:cubicBezTo>
                <a:cubicBezTo>
                  <a:pt x="136" y="459"/>
                  <a:pt x="141" y="453"/>
                  <a:pt x="141" y="446"/>
                </a:cubicBezTo>
                <a:cubicBezTo>
                  <a:pt x="141" y="439"/>
                  <a:pt x="136" y="434"/>
                  <a:pt x="128" y="434"/>
                </a:cubicBezTo>
                <a:close/>
                <a:moveTo>
                  <a:pt x="326" y="434"/>
                </a:moveTo>
                <a:cubicBezTo>
                  <a:pt x="319" y="434"/>
                  <a:pt x="313" y="439"/>
                  <a:pt x="313" y="446"/>
                </a:cubicBezTo>
                <a:cubicBezTo>
                  <a:pt x="313" y="453"/>
                  <a:pt x="319" y="459"/>
                  <a:pt x="326" y="459"/>
                </a:cubicBezTo>
                <a:cubicBezTo>
                  <a:pt x="333" y="459"/>
                  <a:pt x="338" y="453"/>
                  <a:pt x="338" y="446"/>
                </a:cubicBezTo>
                <a:cubicBezTo>
                  <a:pt x="338" y="439"/>
                  <a:pt x="333" y="434"/>
                  <a:pt x="326" y="434"/>
                </a:cubicBezTo>
                <a:close/>
                <a:moveTo>
                  <a:pt x="365" y="459"/>
                </a:moveTo>
                <a:cubicBezTo>
                  <a:pt x="372" y="459"/>
                  <a:pt x="378" y="453"/>
                  <a:pt x="378" y="446"/>
                </a:cubicBezTo>
                <a:cubicBezTo>
                  <a:pt x="378" y="439"/>
                  <a:pt x="372" y="434"/>
                  <a:pt x="365" y="434"/>
                </a:cubicBezTo>
                <a:cubicBezTo>
                  <a:pt x="358" y="434"/>
                  <a:pt x="352" y="439"/>
                  <a:pt x="352" y="446"/>
                </a:cubicBezTo>
                <a:cubicBezTo>
                  <a:pt x="352" y="453"/>
                  <a:pt x="358" y="459"/>
                  <a:pt x="365" y="459"/>
                </a:cubicBezTo>
                <a:close/>
                <a:moveTo>
                  <a:pt x="404" y="459"/>
                </a:moveTo>
                <a:cubicBezTo>
                  <a:pt x="411" y="459"/>
                  <a:pt x="417" y="453"/>
                  <a:pt x="417" y="446"/>
                </a:cubicBezTo>
                <a:cubicBezTo>
                  <a:pt x="417" y="439"/>
                  <a:pt x="411" y="434"/>
                  <a:pt x="404" y="434"/>
                </a:cubicBezTo>
                <a:cubicBezTo>
                  <a:pt x="397" y="434"/>
                  <a:pt x="392" y="439"/>
                  <a:pt x="392" y="446"/>
                </a:cubicBezTo>
                <a:cubicBezTo>
                  <a:pt x="392" y="453"/>
                  <a:pt x="397" y="459"/>
                  <a:pt x="404" y="459"/>
                </a:cubicBezTo>
                <a:close/>
                <a:moveTo>
                  <a:pt x="444" y="459"/>
                </a:moveTo>
                <a:cubicBezTo>
                  <a:pt x="451" y="459"/>
                  <a:pt x="457" y="453"/>
                  <a:pt x="457" y="446"/>
                </a:cubicBezTo>
                <a:cubicBezTo>
                  <a:pt x="457" y="439"/>
                  <a:pt x="451" y="434"/>
                  <a:pt x="444" y="434"/>
                </a:cubicBezTo>
                <a:cubicBezTo>
                  <a:pt x="437" y="434"/>
                  <a:pt x="431" y="439"/>
                  <a:pt x="431" y="446"/>
                </a:cubicBezTo>
                <a:cubicBezTo>
                  <a:pt x="431" y="453"/>
                  <a:pt x="437" y="459"/>
                  <a:pt x="444" y="459"/>
                </a:cubicBezTo>
                <a:close/>
                <a:moveTo>
                  <a:pt x="483" y="459"/>
                </a:moveTo>
                <a:cubicBezTo>
                  <a:pt x="490" y="459"/>
                  <a:pt x="496" y="453"/>
                  <a:pt x="496" y="446"/>
                </a:cubicBezTo>
                <a:cubicBezTo>
                  <a:pt x="496" y="439"/>
                  <a:pt x="490" y="434"/>
                  <a:pt x="483" y="434"/>
                </a:cubicBezTo>
                <a:cubicBezTo>
                  <a:pt x="476" y="434"/>
                  <a:pt x="471" y="439"/>
                  <a:pt x="471" y="446"/>
                </a:cubicBezTo>
                <a:cubicBezTo>
                  <a:pt x="471" y="453"/>
                  <a:pt x="476" y="459"/>
                  <a:pt x="483" y="459"/>
                </a:cubicBezTo>
                <a:close/>
                <a:moveTo>
                  <a:pt x="523" y="459"/>
                </a:moveTo>
                <a:cubicBezTo>
                  <a:pt x="530" y="459"/>
                  <a:pt x="535" y="453"/>
                  <a:pt x="535" y="446"/>
                </a:cubicBezTo>
                <a:cubicBezTo>
                  <a:pt x="535" y="439"/>
                  <a:pt x="530" y="434"/>
                  <a:pt x="523" y="434"/>
                </a:cubicBezTo>
                <a:cubicBezTo>
                  <a:pt x="516" y="434"/>
                  <a:pt x="510" y="439"/>
                  <a:pt x="510" y="446"/>
                </a:cubicBezTo>
                <a:cubicBezTo>
                  <a:pt x="510" y="453"/>
                  <a:pt x="516" y="459"/>
                  <a:pt x="523" y="459"/>
                </a:cubicBezTo>
                <a:close/>
                <a:moveTo>
                  <a:pt x="562" y="459"/>
                </a:moveTo>
                <a:cubicBezTo>
                  <a:pt x="569" y="459"/>
                  <a:pt x="575" y="453"/>
                  <a:pt x="575" y="446"/>
                </a:cubicBezTo>
                <a:cubicBezTo>
                  <a:pt x="575" y="439"/>
                  <a:pt x="569" y="434"/>
                  <a:pt x="562" y="434"/>
                </a:cubicBezTo>
                <a:cubicBezTo>
                  <a:pt x="555" y="434"/>
                  <a:pt x="549" y="439"/>
                  <a:pt x="549" y="446"/>
                </a:cubicBezTo>
                <a:cubicBezTo>
                  <a:pt x="549" y="453"/>
                  <a:pt x="555" y="459"/>
                  <a:pt x="562" y="459"/>
                </a:cubicBezTo>
                <a:close/>
                <a:moveTo>
                  <a:pt x="602" y="459"/>
                </a:moveTo>
                <a:cubicBezTo>
                  <a:pt x="609" y="459"/>
                  <a:pt x="614" y="453"/>
                  <a:pt x="614" y="446"/>
                </a:cubicBezTo>
                <a:cubicBezTo>
                  <a:pt x="614" y="439"/>
                  <a:pt x="609" y="434"/>
                  <a:pt x="602" y="434"/>
                </a:cubicBezTo>
                <a:cubicBezTo>
                  <a:pt x="595" y="434"/>
                  <a:pt x="589" y="439"/>
                  <a:pt x="589" y="446"/>
                </a:cubicBezTo>
                <a:cubicBezTo>
                  <a:pt x="589" y="453"/>
                  <a:pt x="595" y="459"/>
                  <a:pt x="602" y="459"/>
                </a:cubicBezTo>
                <a:close/>
                <a:moveTo>
                  <a:pt x="641" y="459"/>
                </a:moveTo>
                <a:cubicBezTo>
                  <a:pt x="648" y="459"/>
                  <a:pt x="654" y="453"/>
                  <a:pt x="654" y="446"/>
                </a:cubicBezTo>
                <a:cubicBezTo>
                  <a:pt x="654" y="439"/>
                  <a:pt x="648" y="434"/>
                  <a:pt x="641" y="434"/>
                </a:cubicBezTo>
                <a:cubicBezTo>
                  <a:pt x="634" y="434"/>
                  <a:pt x="628" y="439"/>
                  <a:pt x="628" y="446"/>
                </a:cubicBezTo>
                <a:cubicBezTo>
                  <a:pt x="628" y="453"/>
                  <a:pt x="634" y="459"/>
                  <a:pt x="641" y="459"/>
                </a:cubicBezTo>
                <a:close/>
                <a:moveTo>
                  <a:pt x="680" y="459"/>
                </a:moveTo>
                <a:cubicBezTo>
                  <a:pt x="687" y="459"/>
                  <a:pt x="693" y="453"/>
                  <a:pt x="693" y="446"/>
                </a:cubicBezTo>
                <a:cubicBezTo>
                  <a:pt x="693" y="439"/>
                  <a:pt x="687" y="434"/>
                  <a:pt x="680" y="434"/>
                </a:cubicBezTo>
                <a:cubicBezTo>
                  <a:pt x="673" y="434"/>
                  <a:pt x="668" y="439"/>
                  <a:pt x="668" y="446"/>
                </a:cubicBezTo>
                <a:cubicBezTo>
                  <a:pt x="668" y="453"/>
                  <a:pt x="673" y="459"/>
                  <a:pt x="680" y="459"/>
                </a:cubicBezTo>
                <a:close/>
                <a:moveTo>
                  <a:pt x="720" y="459"/>
                </a:moveTo>
                <a:cubicBezTo>
                  <a:pt x="727" y="459"/>
                  <a:pt x="733" y="453"/>
                  <a:pt x="733" y="446"/>
                </a:cubicBezTo>
                <a:cubicBezTo>
                  <a:pt x="733" y="439"/>
                  <a:pt x="727" y="434"/>
                  <a:pt x="720" y="434"/>
                </a:cubicBezTo>
                <a:cubicBezTo>
                  <a:pt x="713" y="434"/>
                  <a:pt x="707" y="439"/>
                  <a:pt x="707" y="446"/>
                </a:cubicBezTo>
                <a:cubicBezTo>
                  <a:pt x="707" y="453"/>
                  <a:pt x="713" y="459"/>
                  <a:pt x="720" y="459"/>
                </a:cubicBezTo>
                <a:close/>
                <a:moveTo>
                  <a:pt x="917" y="459"/>
                </a:moveTo>
                <a:cubicBezTo>
                  <a:pt x="924" y="459"/>
                  <a:pt x="930" y="453"/>
                  <a:pt x="930" y="446"/>
                </a:cubicBezTo>
                <a:cubicBezTo>
                  <a:pt x="930" y="439"/>
                  <a:pt x="924" y="434"/>
                  <a:pt x="917" y="434"/>
                </a:cubicBezTo>
                <a:cubicBezTo>
                  <a:pt x="910" y="434"/>
                  <a:pt x="904" y="439"/>
                  <a:pt x="904" y="446"/>
                </a:cubicBezTo>
                <a:cubicBezTo>
                  <a:pt x="904" y="453"/>
                  <a:pt x="910" y="459"/>
                  <a:pt x="917" y="459"/>
                </a:cubicBezTo>
                <a:close/>
                <a:moveTo>
                  <a:pt x="956" y="459"/>
                </a:moveTo>
                <a:cubicBezTo>
                  <a:pt x="963" y="459"/>
                  <a:pt x="969" y="453"/>
                  <a:pt x="969" y="446"/>
                </a:cubicBezTo>
                <a:cubicBezTo>
                  <a:pt x="969" y="439"/>
                  <a:pt x="963" y="434"/>
                  <a:pt x="956" y="434"/>
                </a:cubicBezTo>
                <a:cubicBezTo>
                  <a:pt x="949" y="434"/>
                  <a:pt x="944" y="439"/>
                  <a:pt x="944" y="446"/>
                </a:cubicBezTo>
                <a:cubicBezTo>
                  <a:pt x="944" y="453"/>
                  <a:pt x="949" y="459"/>
                  <a:pt x="956" y="459"/>
                </a:cubicBezTo>
                <a:close/>
                <a:moveTo>
                  <a:pt x="1035" y="459"/>
                </a:moveTo>
                <a:cubicBezTo>
                  <a:pt x="1042" y="459"/>
                  <a:pt x="1048" y="453"/>
                  <a:pt x="1048" y="446"/>
                </a:cubicBezTo>
                <a:cubicBezTo>
                  <a:pt x="1048" y="439"/>
                  <a:pt x="1042" y="434"/>
                  <a:pt x="1035" y="434"/>
                </a:cubicBezTo>
                <a:cubicBezTo>
                  <a:pt x="1028" y="434"/>
                  <a:pt x="1022" y="439"/>
                  <a:pt x="1022" y="446"/>
                </a:cubicBezTo>
                <a:cubicBezTo>
                  <a:pt x="1022" y="453"/>
                  <a:pt x="1028" y="459"/>
                  <a:pt x="1035" y="459"/>
                </a:cubicBezTo>
                <a:close/>
                <a:moveTo>
                  <a:pt x="1784" y="459"/>
                </a:moveTo>
                <a:cubicBezTo>
                  <a:pt x="1791" y="459"/>
                  <a:pt x="1797" y="453"/>
                  <a:pt x="1797" y="446"/>
                </a:cubicBezTo>
                <a:cubicBezTo>
                  <a:pt x="1797" y="439"/>
                  <a:pt x="1791" y="434"/>
                  <a:pt x="1784" y="434"/>
                </a:cubicBezTo>
                <a:cubicBezTo>
                  <a:pt x="1777" y="434"/>
                  <a:pt x="1772" y="439"/>
                  <a:pt x="1772" y="446"/>
                </a:cubicBezTo>
                <a:cubicBezTo>
                  <a:pt x="1772" y="453"/>
                  <a:pt x="1777" y="459"/>
                  <a:pt x="1784" y="459"/>
                </a:cubicBezTo>
                <a:close/>
                <a:moveTo>
                  <a:pt x="1824" y="459"/>
                </a:moveTo>
                <a:cubicBezTo>
                  <a:pt x="1831" y="459"/>
                  <a:pt x="1836" y="453"/>
                  <a:pt x="1836" y="446"/>
                </a:cubicBezTo>
                <a:cubicBezTo>
                  <a:pt x="1836" y="439"/>
                  <a:pt x="1831" y="434"/>
                  <a:pt x="1824" y="434"/>
                </a:cubicBezTo>
                <a:cubicBezTo>
                  <a:pt x="1817" y="434"/>
                  <a:pt x="1811" y="439"/>
                  <a:pt x="1811" y="446"/>
                </a:cubicBezTo>
                <a:cubicBezTo>
                  <a:pt x="1811" y="453"/>
                  <a:pt x="1817" y="459"/>
                  <a:pt x="1824" y="459"/>
                </a:cubicBezTo>
                <a:close/>
                <a:moveTo>
                  <a:pt x="1863" y="459"/>
                </a:moveTo>
                <a:cubicBezTo>
                  <a:pt x="1870" y="459"/>
                  <a:pt x="1876" y="453"/>
                  <a:pt x="1876" y="446"/>
                </a:cubicBezTo>
                <a:cubicBezTo>
                  <a:pt x="1876" y="439"/>
                  <a:pt x="1870" y="434"/>
                  <a:pt x="1863" y="434"/>
                </a:cubicBezTo>
                <a:cubicBezTo>
                  <a:pt x="1856" y="434"/>
                  <a:pt x="1850" y="439"/>
                  <a:pt x="1850" y="446"/>
                </a:cubicBezTo>
                <a:cubicBezTo>
                  <a:pt x="1850" y="453"/>
                  <a:pt x="1856" y="459"/>
                  <a:pt x="1863" y="459"/>
                </a:cubicBezTo>
                <a:close/>
                <a:moveTo>
                  <a:pt x="1942" y="459"/>
                </a:moveTo>
                <a:cubicBezTo>
                  <a:pt x="1949" y="459"/>
                  <a:pt x="1955" y="453"/>
                  <a:pt x="1955" y="446"/>
                </a:cubicBezTo>
                <a:cubicBezTo>
                  <a:pt x="1955" y="439"/>
                  <a:pt x="1949" y="434"/>
                  <a:pt x="1942" y="434"/>
                </a:cubicBezTo>
                <a:cubicBezTo>
                  <a:pt x="1935" y="434"/>
                  <a:pt x="1929" y="439"/>
                  <a:pt x="1929" y="446"/>
                </a:cubicBezTo>
                <a:cubicBezTo>
                  <a:pt x="1929" y="453"/>
                  <a:pt x="1935" y="459"/>
                  <a:pt x="1942" y="459"/>
                </a:cubicBezTo>
                <a:close/>
                <a:moveTo>
                  <a:pt x="1981" y="459"/>
                </a:moveTo>
                <a:cubicBezTo>
                  <a:pt x="1988" y="459"/>
                  <a:pt x="1994" y="453"/>
                  <a:pt x="1994" y="446"/>
                </a:cubicBezTo>
                <a:cubicBezTo>
                  <a:pt x="1994" y="439"/>
                  <a:pt x="1988" y="434"/>
                  <a:pt x="1981" y="434"/>
                </a:cubicBezTo>
                <a:cubicBezTo>
                  <a:pt x="1974" y="434"/>
                  <a:pt x="1969" y="439"/>
                  <a:pt x="1969" y="446"/>
                </a:cubicBezTo>
                <a:cubicBezTo>
                  <a:pt x="1969" y="453"/>
                  <a:pt x="1974" y="459"/>
                  <a:pt x="1981" y="459"/>
                </a:cubicBezTo>
                <a:close/>
                <a:moveTo>
                  <a:pt x="2021" y="459"/>
                </a:moveTo>
                <a:cubicBezTo>
                  <a:pt x="2028" y="459"/>
                  <a:pt x="2034" y="453"/>
                  <a:pt x="2034" y="446"/>
                </a:cubicBezTo>
                <a:cubicBezTo>
                  <a:pt x="2034" y="439"/>
                  <a:pt x="2028" y="434"/>
                  <a:pt x="2021" y="434"/>
                </a:cubicBezTo>
                <a:cubicBezTo>
                  <a:pt x="2014" y="434"/>
                  <a:pt x="2008" y="439"/>
                  <a:pt x="2008" y="446"/>
                </a:cubicBezTo>
                <a:cubicBezTo>
                  <a:pt x="2008" y="453"/>
                  <a:pt x="2014" y="459"/>
                  <a:pt x="2021" y="459"/>
                </a:cubicBezTo>
                <a:close/>
                <a:moveTo>
                  <a:pt x="2060" y="459"/>
                </a:moveTo>
                <a:cubicBezTo>
                  <a:pt x="2067" y="459"/>
                  <a:pt x="2073" y="453"/>
                  <a:pt x="2073" y="446"/>
                </a:cubicBezTo>
                <a:cubicBezTo>
                  <a:pt x="2073" y="439"/>
                  <a:pt x="2067" y="434"/>
                  <a:pt x="2060" y="434"/>
                </a:cubicBezTo>
                <a:cubicBezTo>
                  <a:pt x="2053" y="434"/>
                  <a:pt x="2048" y="439"/>
                  <a:pt x="2048" y="446"/>
                </a:cubicBezTo>
                <a:cubicBezTo>
                  <a:pt x="2048" y="453"/>
                  <a:pt x="2053" y="459"/>
                  <a:pt x="2060" y="459"/>
                </a:cubicBezTo>
                <a:close/>
                <a:moveTo>
                  <a:pt x="2100" y="459"/>
                </a:moveTo>
                <a:cubicBezTo>
                  <a:pt x="2107" y="459"/>
                  <a:pt x="2112" y="453"/>
                  <a:pt x="2112" y="446"/>
                </a:cubicBezTo>
                <a:cubicBezTo>
                  <a:pt x="2112" y="439"/>
                  <a:pt x="2107" y="434"/>
                  <a:pt x="2100" y="434"/>
                </a:cubicBezTo>
                <a:cubicBezTo>
                  <a:pt x="2093" y="434"/>
                  <a:pt x="2087" y="439"/>
                  <a:pt x="2087" y="446"/>
                </a:cubicBezTo>
                <a:cubicBezTo>
                  <a:pt x="2087" y="453"/>
                  <a:pt x="2093" y="459"/>
                  <a:pt x="2100" y="459"/>
                </a:cubicBezTo>
                <a:close/>
                <a:moveTo>
                  <a:pt x="2139" y="459"/>
                </a:moveTo>
                <a:cubicBezTo>
                  <a:pt x="2146" y="459"/>
                  <a:pt x="2152" y="453"/>
                  <a:pt x="2152" y="446"/>
                </a:cubicBezTo>
                <a:cubicBezTo>
                  <a:pt x="2152" y="439"/>
                  <a:pt x="2146" y="434"/>
                  <a:pt x="2139" y="434"/>
                </a:cubicBezTo>
                <a:cubicBezTo>
                  <a:pt x="2132" y="434"/>
                  <a:pt x="2126" y="439"/>
                  <a:pt x="2126" y="446"/>
                </a:cubicBezTo>
                <a:cubicBezTo>
                  <a:pt x="2126" y="453"/>
                  <a:pt x="2132" y="459"/>
                  <a:pt x="2139" y="459"/>
                </a:cubicBezTo>
                <a:close/>
                <a:moveTo>
                  <a:pt x="2179" y="459"/>
                </a:moveTo>
                <a:cubicBezTo>
                  <a:pt x="2186" y="459"/>
                  <a:pt x="2191" y="453"/>
                  <a:pt x="2191" y="446"/>
                </a:cubicBezTo>
                <a:cubicBezTo>
                  <a:pt x="2191" y="439"/>
                  <a:pt x="2186" y="434"/>
                  <a:pt x="2179" y="434"/>
                </a:cubicBezTo>
                <a:cubicBezTo>
                  <a:pt x="2171" y="434"/>
                  <a:pt x="2166" y="439"/>
                  <a:pt x="2166" y="446"/>
                </a:cubicBezTo>
                <a:cubicBezTo>
                  <a:pt x="2166" y="453"/>
                  <a:pt x="2171" y="459"/>
                  <a:pt x="2179" y="459"/>
                </a:cubicBezTo>
                <a:close/>
                <a:moveTo>
                  <a:pt x="2218" y="459"/>
                </a:moveTo>
                <a:cubicBezTo>
                  <a:pt x="2225" y="459"/>
                  <a:pt x="2231" y="453"/>
                  <a:pt x="2231" y="446"/>
                </a:cubicBezTo>
                <a:cubicBezTo>
                  <a:pt x="2231" y="439"/>
                  <a:pt x="2225" y="434"/>
                  <a:pt x="2218" y="434"/>
                </a:cubicBezTo>
                <a:cubicBezTo>
                  <a:pt x="2211" y="434"/>
                  <a:pt x="2205" y="439"/>
                  <a:pt x="2205" y="446"/>
                </a:cubicBezTo>
                <a:cubicBezTo>
                  <a:pt x="2205" y="453"/>
                  <a:pt x="2211" y="459"/>
                  <a:pt x="2218" y="459"/>
                </a:cubicBezTo>
                <a:close/>
                <a:moveTo>
                  <a:pt x="2257" y="459"/>
                </a:moveTo>
                <a:cubicBezTo>
                  <a:pt x="2264" y="459"/>
                  <a:pt x="2270" y="453"/>
                  <a:pt x="2270" y="446"/>
                </a:cubicBezTo>
                <a:cubicBezTo>
                  <a:pt x="2270" y="439"/>
                  <a:pt x="2264" y="434"/>
                  <a:pt x="2257" y="434"/>
                </a:cubicBezTo>
                <a:cubicBezTo>
                  <a:pt x="2250" y="434"/>
                  <a:pt x="2245" y="439"/>
                  <a:pt x="2245" y="446"/>
                </a:cubicBezTo>
                <a:cubicBezTo>
                  <a:pt x="2245" y="453"/>
                  <a:pt x="2250" y="459"/>
                  <a:pt x="2257" y="459"/>
                </a:cubicBezTo>
                <a:close/>
                <a:moveTo>
                  <a:pt x="2297" y="459"/>
                </a:moveTo>
                <a:cubicBezTo>
                  <a:pt x="2304" y="459"/>
                  <a:pt x="2310" y="453"/>
                  <a:pt x="2310" y="446"/>
                </a:cubicBezTo>
                <a:cubicBezTo>
                  <a:pt x="2310" y="439"/>
                  <a:pt x="2304" y="434"/>
                  <a:pt x="2297" y="434"/>
                </a:cubicBezTo>
                <a:cubicBezTo>
                  <a:pt x="2290" y="434"/>
                  <a:pt x="2284" y="439"/>
                  <a:pt x="2284" y="446"/>
                </a:cubicBezTo>
                <a:cubicBezTo>
                  <a:pt x="2284" y="453"/>
                  <a:pt x="2290" y="459"/>
                  <a:pt x="2297" y="459"/>
                </a:cubicBezTo>
                <a:close/>
                <a:moveTo>
                  <a:pt x="2336" y="459"/>
                </a:moveTo>
                <a:cubicBezTo>
                  <a:pt x="2343" y="459"/>
                  <a:pt x="2349" y="453"/>
                  <a:pt x="2349" y="446"/>
                </a:cubicBezTo>
                <a:cubicBezTo>
                  <a:pt x="2349" y="439"/>
                  <a:pt x="2343" y="434"/>
                  <a:pt x="2336" y="434"/>
                </a:cubicBezTo>
                <a:cubicBezTo>
                  <a:pt x="2329" y="434"/>
                  <a:pt x="2323" y="439"/>
                  <a:pt x="2323" y="446"/>
                </a:cubicBezTo>
                <a:cubicBezTo>
                  <a:pt x="2323" y="453"/>
                  <a:pt x="2329" y="459"/>
                  <a:pt x="2336" y="459"/>
                </a:cubicBezTo>
                <a:close/>
                <a:moveTo>
                  <a:pt x="2376" y="459"/>
                </a:moveTo>
                <a:cubicBezTo>
                  <a:pt x="2383" y="459"/>
                  <a:pt x="2388" y="453"/>
                  <a:pt x="2388" y="446"/>
                </a:cubicBezTo>
                <a:cubicBezTo>
                  <a:pt x="2388" y="439"/>
                  <a:pt x="2383" y="434"/>
                  <a:pt x="2376" y="434"/>
                </a:cubicBezTo>
                <a:cubicBezTo>
                  <a:pt x="2369" y="434"/>
                  <a:pt x="2363" y="439"/>
                  <a:pt x="2363" y="446"/>
                </a:cubicBezTo>
                <a:cubicBezTo>
                  <a:pt x="2363" y="453"/>
                  <a:pt x="2369" y="459"/>
                  <a:pt x="2376" y="459"/>
                </a:cubicBezTo>
                <a:close/>
                <a:moveTo>
                  <a:pt x="2415" y="459"/>
                </a:moveTo>
                <a:cubicBezTo>
                  <a:pt x="2422" y="459"/>
                  <a:pt x="2428" y="453"/>
                  <a:pt x="2428" y="446"/>
                </a:cubicBezTo>
                <a:cubicBezTo>
                  <a:pt x="2428" y="439"/>
                  <a:pt x="2422" y="434"/>
                  <a:pt x="2415" y="434"/>
                </a:cubicBezTo>
                <a:cubicBezTo>
                  <a:pt x="2408" y="434"/>
                  <a:pt x="2402" y="439"/>
                  <a:pt x="2402" y="446"/>
                </a:cubicBezTo>
                <a:cubicBezTo>
                  <a:pt x="2402" y="453"/>
                  <a:pt x="2408" y="459"/>
                  <a:pt x="2415" y="459"/>
                </a:cubicBezTo>
                <a:close/>
                <a:moveTo>
                  <a:pt x="2454" y="459"/>
                </a:moveTo>
                <a:cubicBezTo>
                  <a:pt x="2462" y="459"/>
                  <a:pt x="2467" y="453"/>
                  <a:pt x="2467" y="446"/>
                </a:cubicBezTo>
                <a:cubicBezTo>
                  <a:pt x="2467" y="439"/>
                  <a:pt x="2462" y="434"/>
                  <a:pt x="2454" y="434"/>
                </a:cubicBezTo>
                <a:cubicBezTo>
                  <a:pt x="2447" y="434"/>
                  <a:pt x="2442" y="439"/>
                  <a:pt x="2442" y="446"/>
                </a:cubicBezTo>
                <a:cubicBezTo>
                  <a:pt x="2442" y="453"/>
                  <a:pt x="2447" y="459"/>
                  <a:pt x="2454" y="459"/>
                </a:cubicBezTo>
                <a:close/>
                <a:moveTo>
                  <a:pt x="2494" y="459"/>
                </a:moveTo>
                <a:cubicBezTo>
                  <a:pt x="2501" y="459"/>
                  <a:pt x="2507" y="453"/>
                  <a:pt x="2507" y="446"/>
                </a:cubicBezTo>
                <a:cubicBezTo>
                  <a:pt x="2507" y="439"/>
                  <a:pt x="2501" y="434"/>
                  <a:pt x="2494" y="434"/>
                </a:cubicBezTo>
                <a:cubicBezTo>
                  <a:pt x="2487" y="434"/>
                  <a:pt x="2481" y="439"/>
                  <a:pt x="2481" y="446"/>
                </a:cubicBezTo>
                <a:cubicBezTo>
                  <a:pt x="2481" y="453"/>
                  <a:pt x="2487" y="459"/>
                  <a:pt x="2494" y="459"/>
                </a:cubicBezTo>
                <a:close/>
                <a:moveTo>
                  <a:pt x="2533" y="459"/>
                </a:moveTo>
                <a:cubicBezTo>
                  <a:pt x="2540" y="459"/>
                  <a:pt x="2546" y="453"/>
                  <a:pt x="2546" y="446"/>
                </a:cubicBezTo>
                <a:cubicBezTo>
                  <a:pt x="2546" y="439"/>
                  <a:pt x="2540" y="434"/>
                  <a:pt x="2533" y="434"/>
                </a:cubicBezTo>
                <a:cubicBezTo>
                  <a:pt x="2526" y="434"/>
                  <a:pt x="2521" y="439"/>
                  <a:pt x="2521" y="446"/>
                </a:cubicBezTo>
                <a:cubicBezTo>
                  <a:pt x="2521" y="453"/>
                  <a:pt x="2526" y="459"/>
                  <a:pt x="2533" y="459"/>
                </a:cubicBezTo>
                <a:close/>
                <a:moveTo>
                  <a:pt x="2573" y="459"/>
                </a:moveTo>
                <a:cubicBezTo>
                  <a:pt x="2580" y="459"/>
                  <a:pt x="2586" y="453"/>
                  <a:pt x="2586" y="446"/>
                </a:cubicBezTo>
                <a:cubicBezTo>
                  <a:pt x="2586" y="439"/>
                  <a:pt x="2580" y="434"/>
                  <a:pt x="2573" y="434"/>
                </a:cubicBezTo>
                <a:cubicBezTo>
                  <a:pt x="2566" y="434"/>
                  <a:pt x="2560" y="439"/>
                  <a:pt x="2560" y="446"/>
                </a:cubicBezTo>
                <a:cubicBezTo>
                  <a:pt x="2560" y="453"/>
                  <a:pt x="2566" y="459"/>
                  <a:pt x="2573" y="459"/>
                </a:cubicBezTo>
                <a:close/>
                <a:moveTo>
                  <a:pt x="2612" y="459"/>
                </a:moveTo>
                <a:cubicBezTo>
                  <a:pt x="2619" y="459"/>
                  <a:pt x="2625" y="453"/>
                  <a:pt x="2625" y="446"/>
                </a:cubicBezTo>
                <a:cubicBezTo>
                  <a:pt x="2625" y="439"/>
                  <a:pt x="2619" y="434"/>
                  <a:pt x="2612" y="434"/>
                </a:cubicBezTo>
                <a:cubicBezTo>
                  <a:pt x="2605" y="434"/>
                  <a:pt x="2599" y="439"/>
                  <a:pt x="2599" y="446"/>
                </a:cubicBezTo>
                <a:cubicBezTo>
                  <a:pt x="2599" y="453"/>
                  <a:pt x="2605" y="459"/>
                  <a:pt x="2612" y="459"/>
                </a:cubicBezTo>
                <a:close/>
                <a:moveTo>
                  <a:pt x="2652" y="459"/>
                </a:moveTo>
                <a:cubicBezTo>
                  <a:pt x="2659" y="459"/>
                  <a:pt x="2664" y="453"/>
                  <a:pt x="2664" y="446"/>
                </a:cubicBezTo>
                <a:cubicBezTo>
                  <a:pt x="2664" y="439"/>
                  <a:pt x="2659" y="434"/>
                  <a:pt x="2652" y="434"/>
                </a:cubicBezTo>
                <a:cubicBezTo>
                  <a:pt x="2645" y="434"/>
                  <a:pt x="2639" y="439"/>
                  <a:pt x="2639" y="446"/>
                </a:cubicBezTo>
                <a:cubicBezTo>
                  <a:pt x="2639" y="453"/>
                  <a:pt x="2645" y="459"/>
                  <a:pt x="2652" y="459"/>
                </a:cubicBezTo>
                <a:close/>
                <a:moveTo>
                  <a:pt x="2691" y="459"/>
                </a:moveTo>
                <a:cubicBezTo>
                  <a:pt x="2698" y="459"/>
                  <a:pt x="2704" y="453"/>
                  <a:pt x="2704" y="446"/>
                </a:cubicBezTo>
                <a:cubicBezTo>
                  <a:pt x="2704" y="439"/>
                  <a:pt x="2698" y="434"/>
                  <a:pt x="2691" y="434"/>
                </a:cubicBezTo>
                <a:cubicBezTo>
                  <a:pt x="2684" y="434"/>
                  <a:pt x="2678" y="439"/>
                  <a:pt x="2678" y="446"/>
                </a:cubicBezTo>
                <a:cubicBezTo>
                  <a:pt x="2678" y="453"/>
                  <a:pt x="2684" y="459"/>
                  <a:pt x="2691" y="459"/>
                </a:cubicBezTo>
                <a:close/>
                <a:moveTo>
                  <a:pt x="2730" y="459"/>
                </a:moveTo>
                <a:cubicBezTo>
                  <a:pt x="2738" y="459"/>
                  <a:pt x="2743" y="453"/>
                  <a:pt x="2743" y="446"/>
                </a:cubicBezTo>
                <a:cubicBezTo>
                  <a:pt x="2743" y="439"/>
                  <a:pt x="2738" y="434"/>
                  <a:pt x="2730" y="434"/>
                </a:cubicBezTo>
                <a:cubicBezTo>
                  <a:pt x="2723" y="434"/>
                  <a:pt x="2718" y="439"/>
                  <a:pt x="2718" y="446"/>
                </a:cubicBezTo>
                <a:cubicBezTo>
                  <a:pt x="2718" y="453"/>
                  <a:pt x="2723" y="459"/>
                  <a:pt x="2730" y="459"/>
                </a:cubicBezTo>
                <a:close/>
                <a:moveTo>
                  <a:pt x="2770" y="459"/>
                </a:moveTo>
                <a:cubicBezTo>
                  <a:pt x="2777" y="459"/>
                  <a:pt x="2783" y="453"/>
                  <a:pt x="2783" y="446"/>
                </a:cubicBezTo>
                <a:cubicBezTo>
                  <a:pt x="2783" y="439"/>
                  <a:pt x="2777" y="434"/>
                  <a:pt x="2770" y="434"/>
                </a:cubicBezTo>
                <a:cubicBezTo>
                  <a:pt x="2763" y="434"/>
                  <a:pt x="2757" y="439"/>
                  <a:pt x="2757" y="446"/>
                </a:cubicBezTo>
                <a:cubicBezTo>
                  <a:pt x="2757" y="453"/>
                  <a:pt x="2763" y="459"/>
                  <a:pt x="2770" y="459"/>
                </a:cubicBezTo>
                <a:close/>
                <a:moveTo>
                  <a:pt x="2809" y="459"/>
                </a:moveTo>
                <a:cubicBezTo>
                  <a:pt x="2816" y="459"/>
                  <a:pt x="2822" y="453"/>
                  <a:pt x="2822" y="446"/>
                </a:cubicBezTo>
                <a:cubicBezTo>
                  <a:pt x="2822" y="439"/>
                  <a:pt x="2816" y="434"/>
                  <a:pt x="2809" y="434"/>
                </a:cubicBezTo>
                <a:cubicBezTo>
                  <a:pt x="2802" y="434"/>
                  <a:pt x="2797" y="439"/>
                  <a:pt x="2797" y="446"/>
                </a:cubicBezTo>
                <a:cubicBezTo>
                  <a:pt x="2797" y="453"/>
                  <a:pt x="2802" y="459"/>
                  <a:pt x="2809" y="459"/>
                </a:cubicBezTo>
                <a:close/>
                <a:moveTo>
                  <a:pt x="2849" y="459"/>
                </a:moveTo>
                <a:cubicBezTo>
                  <a:pt x="2856" y="459"/>
                  <a:pt x="2861" y="453"/>
                  <a:pt x="2861" y="446"/>
                </a:cubicBezTo>
                <a:cubicBezTo>
                  <a:pt x="2861" y="439"/>
                  <a:pt x="2856" y="434"/>
                  <a:pt x="2849" y="434"/>
                </a:cubicBezTo>
                <a:cubicBezTo>
                  <a:pt x="2842" y="434"/>
                  <a:pt x="2836" y="439"/>
                  <a:pt x="2836" y="446"/>
                </a:cubicBezTo>
                <a:cubicBezTo>
                  <a:pt x="2836" y="453"/>
                  <a:pt x="2842" y="459"/>
                  <a:pt x="2849" y="459"/>
                </a:cubicBezTo>
                <a:close/>
                <a:moveTo>
                  <a:pt x="2888" y="459"/>
                </a:moveTo>
                <a:cubicBezTo>
                  <a:pt x="2895" y="459"/>
                  <a:pt x="2901" y="453"/>
                  <a:pt x="2901" y="446"/>
                </a:cubicBezTo>
                <a:cubicBezTo>
                  <a:pt x="2901" y="439"/>
                  <a:pt x="2895" y="434"/>
                  <a:pt x="2888" y="434"/>
                </a:cubicBezTo>
                <a:cubicBezTo>
                  <a:pt x="2881" y="434"/>
                  <a:pt x="2875" y="439"/>
                  <a:pt x="2875" y="446"/>
                </a:cubicBezTo>
                <a:cubicBezTo>
                  <a:pt x="2875" y="453"/>
                  <a:pt x="2881" y="459"/>
                  <a:pt x="2888" y="459"/>
                </a:cubicBezTo>
                <a:close/>
                <a:moveTo>
                  <a:pt x="2928" y="459"/>
                </a:moveTo>
                <a:cubicBezTo>
                  <a:pt x="2935" y="459"/>
                  <a:pt x="2940" y="453"/>
                  <a:pt x="2940" y="446"/>
                </a:cubicBezTo>
                <a:cubicBezTo>
                  <a:pt x="2940" y="439"/>
                  <a:pt x="2935" y="434"/>
                  <a:pt x="2928" y="434"/>
                </a:cubicBezTo>
                <a:cubicBezTo>
                  <a:pt x="2921" y="434"/>
                  <a:pt x="2915" y="439"/>
                  <a:pt x="2915" y="446"/>
                </a:cubicBezTo>
                <a:cubicBezTo>
                  <a:pt x="2915" y="453"/>
                  <a:pt x="2921" y="459"/>
                  <a:pt x="2928" y="459"/>
                </a:cubicBezTo>
                <a:close/>
                <a:moveTo>
                  <a:pt x="2967" y="459"/>
                </a:moveTo>
                <a:cubicBezTo>
                  <a:pt x="2974" y="459"/>
                  <a:pt x="2980" y="453"/>
                  <a:pt x="2980" y="446"/>
                </a:cubicBezTo>
                <a:cubicBezTo>
                  <a:pt x="2980" y="439"/>
                  <a:pt x="2974" y="434"/>
                  <a:pt x="2967" y="434"/>
                </a:cubicBezTo>
                <a:cubicBezTo>
                  <a:pt x="2960" y="434"/>
                  <a:pt x="2954" y="439"/>
                  <a:pt x="2954" y="446"/>
                </a:cubicBezTo>
                <a:cubicBezTo>
                  <a:pt x="2954" y="453"/>
                  <a:pt x="2960" y="459"/>
                  <a:pt x="2967" y="459"/>
                </a:cubicBezTo>
                <a:close/>
                <a:moveTo>
                  <a:pt x="3006" y="459"/>
                </a:moveTo>
                <a:cubicBezTo>
                  <a:pt x="3013" y="459"/>
                  <a:pt x="3019" y="453"/>
                  <a:pt x="3019" y="446"/>
                </a:cubicBezTo>
                <a:cubicBezTo>
                  <a:pt x="3019" y="439"/>
                  <a:pt x="3013" y="434"/>
                  <a:pt x="3006" y="434"/>
                </a:cubicBezTo>
                <a:cubicBezTo>
                  <a:pt x="2999" y="434"/>
                  <a:pt x="2994" y="439"/>
                  <a:pt x="2994" y="446"/>
                </a:cubicBezTo>
                <a:cubicBezTo>
                  <a:pt x="2994" y="453"/>
                  <a:pt x="2999" y="459"/>
                  <a:pt x="3006" y="459"/>
                </a:cubicBezTo>
                <a:close/>
                <a:moveTo>
                  <a:pt x="3046" y="459"/>
                </a:moveTo>
                <a:cubicBezTo>
                  <a:pt x="3053" y="459"/>
                  <a:pt x="3059" y="453"/>
                  <a:pt x="3059" y="446"/>
                </a:cubicBezTo>
                <a:cubicBezTo>
                  <a:pt x="3059" y="439"/>
                  <a:pt x="3053" y="434"/>
                  <a:pt x="3046" y="434"/>
                </a:cubicBezTo>
                <a:cubicBezTo>
                  <a:pt x="3039" y="434"/>
                  <a:pt x="3033" y="439"/>
                  <a:pt x="3033" y="446"/>
                </a:cubicBezTo>
                <a:cubicBezTo>
                  <a:pt x="3033" y="453"/>
                  <a:pt x="3039" y="459"/>
                  <a:pt x="3046" y="459"/>
                </a:cubicBezTo>
                <a:close/>
                <a:moveTo>
                  <a:pt x="3085" y="459"/>
                </a:moveTo>
                <a:cubicBezTo>
                  <a:pt x="3092" y="459"/>
                  <a:pt x="3098" y="453"/>
                  <a:pt x="3098" y="446"/>
                </a:cubicBezTo>
                <a:cubicBezTo>
                  <a:pt x="3098" y="439"/>
                  <a:pt x="3092" y="434"/>
                  <a:pt x="3085" y="434"/>
                </a:cubicBezTo>
                <a:cubicBezTo>
                  <a:pt x="3078" y="434"/>
                  <a:pt x="3073" y="439"/>
                  <a:pt x="3073" y="446"/>
                </a:cubicBezTo>
                <a:cubicBezTo>
                  <a:pt x="3073" y="453"/>
                  <a:pt x="3078" y="459"/>
                  <a:pt x="3085" y="459"/>
                </a:cubicBezTo>
                <a:close/>
                <a:moveTo>
                  <a:pt x="3125" y="459"/>
                </a:moveTo>
                <a:cubicBezTo>
                  <a:pt x="3132" y="459"/>
                  <a:pt x="3137" y="453"/>
                  <a:pt x="3137" y="446"/>
                </a:cubicBezTo>
                <a:cubicBezTo>
                  <a:pt x="3137" y="439"/>
                  <a:pt x="3132" y="434"/>
                  <a:pt x="3125" y="434"/>
                </a:cubicBezTo>
                <a:cubicBezTo>
                  <a:pt x="3118" y="434"/>
                  <a:pt x="3112" y="439"/>
                  <a:pt x="3112" y="446"/>
                </a:cubicBezTo>
                <a:cubicBezTo>
                  <a:pt x="3112" y="453"/>
                  <a:pt x="3118" y="459"/>
                  <a:pt x="3125" y="459"/>
                </a:cubicBezTo>
                <a:close/>
                <a:moveTo>
                  <a:pt x="3243" y="459"/>
                </a:moveTo>
                <a:cubicBezTo>
                  <a:pt x="3250" y="459"/>
                  <a:pt x="3256" y="453"/>
                  <a:pt x="3256" y="446"/>
                </a:cubicBezTo>
                <a:cubicBezTo>
                  <a:pt x="3256" y="439"/>
                  <a:pt x="3250" y="434"/>
                  <a:pt x="3243" y="434"/>
                </a:cubicBezTo>
                <a:cubicBezTo>
                  <a:pt x="3236" y="434"/>
                  <a:pt x="3230" y="439"/>
                  <a:pt x="3230" y="446"/>
                </a:cubicBezTo>
                <a:cubicBezTo>
                  <a:pt x="3230" y="453"/>
                  <a:pt x="3236" y="459"/>
                  <a:pt x="3243" y="459"/>
                </a:cubicBezTo>
                <a:close/>
                <a:moveTo>
                  <a:pt x="3309" y="446"/>
                </a:moveTo>
                <a:cubicBezTo>
                  <a:pt x="3309" y="453"/>
                  <a:pt x="3315" y="459"/>
                  <a:pt x="3322" y="459"/>
                </a:cubicBezTo>
                <a:cubicBezTo>
                  <a:pt x="3329" y="459"/>
                  <a:pt x="3335" y="453"/>
                  <a:pt x="3335" y="446"/>
                </a:cubicBezTo>
                <a:cubicBezTo>
                  <a:pt x="3335" y="439"/>
                  <a:pt x="3329" y="434"/>
                  <a:pt x="3322" y="434"/>
                </a:cubicBezTo>
                <a:cubicBezTo>
                  <a:pt x="3315" y="434"/>
                  <a:pt x="3309" y="439"/>
                  <a:pt x="3309" y="446"/>
                </a:cubicBezTo>
                <a:close/>
                <a:moveTo>
                  <a:pt x="89" y="478"/>
                </a:moveTo>
                <a:cubicBezTo>
                  <a:pt x="85" y="478"/>
                  <a:pt x="82" y="482"/>
                  <a:pt x="82" y="486"/>
                </a:cubicBezTo>
                <a:cubicBezTo>
                  <a:pt x="82" y="490"/>
                  <a:pt x="85" y="493"/>
                  <a:pt x="89" y="493"/>
                </a:cubicBezTo>
                <a:cubicBezTo>
                  <a:pt x="93" y="493"/>
                  <a:pt x="96" y="490"/>
                  <a:pt x="96" y="486"/>
                </a:cubicBezTo>
                <a:cubicBezTo>
                  <a:pt x="96" y="482"/>
                  <a:pt x="93" y="478"/>
                  <a:pt x="89" y="478"/>
                </a:cubicBezTo>
                <a:close/>
                <a:moveTo>
                  <a:pt x="326" y="476"/>
                </a:moveTo>
                <a:cubicBezTo>
                  <a:pt x="320" y="476"/>
                  <a:pt x="316" y="480"/>
                  <a:pt x="316" y="486"/>
                </a:cubicBezTo>
                <a:cubicBezTo>
                  <a:pt x="316" y="491"/>
                  <a:pt x="320" y="496"/>
                  <a:pt x="326" y="496"/>
                </a:cubicBezTo>
                <a:cubicBezTo>
                  <a:pt x="331" y="496"/>
                  <a:pt x="336" y="491"/>
                  <a:pt x="336" y="486"/>
                </a:cubicBezTo>
                <a:cubicBezTo>
                  <a:pt x="336" y="480"/>
                  <a:pt x="331" y="476"/>
                  <a:pt x="326" y="476"/>
                </a:cubicBezTo>
                <a:close/>
                <a:moveTo>
                  <a:pt x="365" y="473"/>
                </a:moveTo>
                <a:cubicBezTo>
                  <a:pt x="358" y="473"/>
                  <a:pt x="352" y="479"/>
                  <a:pt x="352" y="486"/>
                </a:cubicBezTo>
                <a:cubicBezTo>
                  <a:pt x="352" y="493"/>
                  <a:pt x="358" y="499"/>
                  <a:pt x="365" y="499"/>
                </a:cubicBezTo>
                <a:cubicBezTo>
                  <a:pt x="372" y="499"/>
                  <a:pt x="378" y="493"/>
                  <a:pt x="378" y="486"/>
                </a:cubicBezTo>
                <a:cubicBezTo>
                  <a:pt x="378" y="479"/>
                  <a:pt x="372" y="473"/>
                  <a:pt x="365" y="473"/>
                </a:cubicBezTo>
                <a:close/>
                <a:moveTo>
                  <a:pt x="404" y="499"/>
                </a:moveTo>
                <a:cubicBezTo>
                  <a:pt x="411" y="499"/>
                  <a:pt x="417" y="493"/>
                  <a:pt x="417" y="486"/>
                </a:cubicBezTo>
                <a:cubicBezTo>
                  <a:pt x="417" y="479"/>
                  <a:pt x="411" y="473"/>
                  <a:pt x="404" y="473"/>
                </a:cubicBezTo>
                <a:cubicBezTo>
                  <a:pt x="397" y="473"/>
                  <a:pt x="392" y="479"/>
                  <a:pt x="392" y="486"/>
                </a:cubicBezTo>
                <a:cubicBezTo>
                  <a:pt x="392" y="493"/>
                  <a:pt x="397" y="499"/>
                  <a:pt x="404" y="499"/>
                </a:cubicBezTo>
                <a:close/>
                <a:moveTo>
                  <a:pt x="444" y="499"/>
                </a:moveTo>
                <a:cubicBezTo>
                  <a:pt x="451" y="499"/>
                  <a:pt x="457" y="493"/>
                  <a:pt x="457" y="486"/>
                </a:cubicBezTo>
                <a:cubicBezTo>
                  <a:pt x="457" y="479"/>
                  <a:pt x="451" y="473"/>
                  <a:pt x="444" y="473"/>
                </a:cubicBezTo>
                <a:cubicBezTo>
                  <a:pt x="437" y="473"/>
                  <a:pt x="431" y="479"/>
                  <a:pt x="431" y="486"/>
                </a:cubicBezTo>
                <a:cubicBezTo>
                  <a:pt x="431" y="493"/>
                  <a:pt x="437" y="499"/>
                  <a:pt x="444" y="499"/>
                </a:cubicBezTo>
                <a:close/>
                <a:moveTo>
                  <a:pt x="483" y="499"/>
                </a:moveTo>
                <a:cubicBezTo>
                  <a:pt x="490" y="499"/>
                  <a:pt x="496" y="493"/>
                  <a:pt x="496" y="486"/>
                </a:cubicBezTo>
                <a:cubicBezTo>
                  <a:pt x="496" y="479"/>
                  <a:pt x="490" y="473"/>
                  <a:pt x="483" y="473"/>
                </a:cubicBezTo>
                <a:cubicBezTo>
                  <a:pt x="476" y="473"/>
                  <a:pt x="471" y="479"/>
                  <a:pt x="471" y="486"/>
                </a:cubicBezTo>
                <a:cubicBezTo>
                  <a:pt x="471" y="493"/>
                  <a:pt x="476" y="499"/>
                  <a:pt x="483" y="499"/>
                </a:cubicBezTo>
                <a:close/>
                <a:moveTo>
                  <a:pt x="523" y="499"/>
                </a:moveTo>
                <a:cubicBezTo>
                  <a:pt x="530" y="499"/>
                  <a:pt x="535" y="493"/>
                  <a:pt x="535" y="486"/>
                </a:cubicBezTo>
                <a:cubicBezTo>
                  <a:pt x="535" y="479"/>
                  <a:pt x="530" y="473"/>
                  <a:pt x="523" y="473"/>
                </a:cubicBezTo>
                <a:cubicBezTo>
                  <a:pt x="516" y="473"/>
                  <a:pt x="510" y="479"/>
                  <a:pt x="510" y="486"/>
                </a:cubicBezTo>
                <a:cubicBezTo>
                  <a:pt x="510" y="493"/>
                  <a:pt x="516" y="499"/>
                  <a:pt x="523" y="499"/>
                </a:cubicBezTo>
                <a:close/>
                <a:moveTo>
                  <a:pt x="562" y="499"/>
                </a:moveTo>
                <a:cubicBezTo>
                  <a:pt x="569" y="499"/>
                  <a:pt x="575" y="493"/>
                  <a:pt x="575" y="486"/>
                </a:cubicBezTo>
                <a:cubicBezTo>
                  <a:pt x="575" y="479"/>
                  <a:pt x="569" y="473"/>
                  <a:pt x="562" y="473"/>
                </a:cubicBezTo>
                <a:cubicBezTo>
                  <a:pt x="555" y="473"/>
                  <a:pt x="549" y="479"/>
                  <a:pt x="549" y="486"/>
                </a:cubicBezTo>
                <a:cubicBezTo>
                  <a:pt x="549" y="493"/>
                  <a:pt x="555" y="499"/>
                  <a:pt x="562" y="499"/>
                </a:cubicBezTo>
                <a:close/>
                <a:moveTo>
                  <a:pt x="602" y="499"/>
                </a:moveTo>
                <a:cubicBezTo>
                  <a:pt x="609" y="499"/>
                  <a:pt x="614" y="493"/>
                  <a:pt x="614" y="486"/>
                </a:cubicBezTo>
                <a:cubicBezTo>
                  <a:pt x="614" y="479"/>
                  <a:pt x="609" y="473"/>
                  <a:pt x="602" y="473"/>
                </a:cubicBezTo>
                <a:cubicBezTo>
                  <a:pt x="595" y="473"/>
                  <a:pt x="589" y="479"/>
                  <a:pt x="589" y="486"/>
                </a:cubicBezTo>
                <a:cubicBezTo>
                  <a:pt x="589" y="493"/>
                  <a:pt x="595" y="499"/>
                  <a:pt x="602" y="499"/>
                </a:cubicBezTo>
                <a:close/>
                <a:moveTo>
                  <a:pt x="641" y="499"/>
                </a:moveTo>
                <a:cubicBezTo>
                  <a:pt x="648" y="499"/>
                  <a:pt x="654" y="493"/>
                  <a:pt x="654" y="486"/>
                </a:cubicBezTo>
                <a:cubicBezTo>
                  <a:pt x="654" y="479"/>
                  <a:pt x="648" y="473"/>
                  <a:pt x="641" y="473"/>
                </a:cubicBezTo>
                <a:cubicBezTo>
                  <a:pt x="634" y="473"/>
                  <a:pt x="628" y="479"/>
                  <a:pt x="628" y="486"/>
                </a:cubicBezTo>
                <a:cubicBezTo>
                  <a:pt x="628" y="493"/>
                  <a:pt x="634" y="499"/>
                  <a:pt x="641" y="499"/>
                </a:cubicBezTo>
                <a:close/>
                <a:moveTo>
                  <a:pt x="680" y="499"/>
                </a:moveTo>
                <a:cubicBezTo>
                  <a:pt x="687" y="499"/>
                  <a:pt x="693" y="493"/>
                  <a:pt x="693" y="486"/>
                </a:cubicBezTo>
                <a:cubicBezTo>
                  <a:pt x="693" y="479"/>
                  <a:pt x="687" y="473"/>
                  <a:pt x="680" y="473"/>
                </a:cubicBezTo>
                <a:cubicBezTo>
                  <a:pt x="673" y="473"/>
                  <a:pt x="668" y="479"/>
                  <a:pt x="668" y="486"/>
                </a:cubicBezTo>
                <a:cubicBezTo>
                  <a:pt x="668" y="493"/>
                  <a:pt x="673" y="499"/>
                  <a:pt x="680" y="499"/>
                </a:cubicBezTo>
                <a:close/>
                <a:moveTo>
                  <a:pt x="720" y="499"/>
                </a:moveTo>
                <a:cubicBezTo>
                  <a:pt x="727" y="499"/>
                  <a:pt x="733" y="493"/>
                  <a:pt x="733" y="486"/>
                </a:cubicBezTo>
                <a:cubicBezTo>
                  <a:pt x="733" y="479"/>
                  <a:pt x="727" y="473"/>
                  <a:pt x="720" y="473"/>
                </a:cubicBezTo>
                <a:cubicBezTo>
                  <a:pt x="713" y="473"/>
                  <a:pt x="707" y="479"/>
                  <a:pt x="707" y="486"/>
                </a:cubicBezTo>
                <a:cubicBezTo>
                  <a:pt x="707" y="493"/>
                  <a:pt x="713" y="499"/>
                  <a:pt x="720" y="499"/>
                </a:cubicBezTo>
                <a:close/>
                <a:moveTo>
                  <a:pt x="759" y="499"/>
                </a:moveTo>
                <a:cubicBezTo>
                  <a:pt x="766" y="499"/>
                  <a:pt x="772" y="493"/>
                  <a:pt x="772" y="486"/>
                </a:cubicBezTo>
                <a:cubicBezTo>
                  <a:pt x="772" y="479"/>
                  <a:pt x="766" y="473"/>
                  <a:pt x="759" y="473"/>
                </a:cubicBezTo>
                <a:cubicBezTo>
                  <a:pt x="752" y="473"/>
                  <a:pt x="747" y="479"/>
                  <a:pt x="747" y="486"/>
                </a:cubicBezTo>
                <a:cubicBezTo>
                  <a:pt x="747" y="493"/>
                  <a:pt x="752" y="499"/>
                  <a:pt x="759" y="499"/>
                </a:cubicBezTo>
                <a:close/>
                <a:moveTo>
                  <a:pt x="799" y="499"/>
                </a:moveTo>
                <a:cubicBezTo>
                  <a:pt x="806" y="499"/>
                  <a:pt x="811" y="493"/>
                  <a:pt x="811" y="486"/>
                </a:cubicBezTo>
                <a:cubicBezTo>
                  <a:pt x="811" y="479"/>
                  <a:pt x="806" y="473"/>
                  <a:pt x="799" y="473"/>
                </a:cubicBezTo>
                <a:cubicBezTo>
                  <a:pt x="792" y="473"/>
                  <a:pt x="786" y="479"/>
                  <a:pt x="786" y="486"/>
                </a:cubicBezTo>
                <a:cubicBezTo>
                  <a:pt x="786" y="493"/>
                  <a:pt x="792" y="499"/>
                  <a:pt x="799" y="499"/>
                </a:cubicBezTo>
                <a:close/>
                <a:moveTo>
                  <a:pt x="956" y="499"/>
                </a:moveTo>
                <a:cubicBezTo>
                  <a:pt x="963" y="499"/>
                  <a:pt x="969" y="493"/>
                  <a:pt x="969" y="486"/>
                </a:cubicBezTo>
                <a:cubicBezTo>
                  <a:pt x="969" y="479"/>
                  <a:pt x="963" y="473"/>
                  <a:pt x="956" y="473"/>
                </a:cubicBezTo>
                <a:cubicBezTo>
                  <a:pt x="949" y="473"/>
                  <a:pt x="944" y="479"/>
                  <a:pt x="944" y="486"/>
                </a:cubicBezTo>
                <a:cubicBezTo>
                  <a:pt x="944" y="493"/>
                  <a:pt x="949" y="499"/>
                  <a:pt x="956" y="499"/>
                </a:cubicBezTo>
                <a:close/>
                <a:moveTo>
                  <a:pt x="996" y="499"/>
                </a:moveTo>
                <a:cubicBezTo>
                  <a:pt x="1003" y="499"/>
                  <a:pt x="1009" y="493"/>
                  <a:pt x="1009" y="486"/>
                </a:cubicBezTo>
                <a:cubicBezTo>
                  <a:pt x="1009" y="479"/>
                  <a:pt x="1003" y="473"/>
                  <a:pt x="996" y="473"/>
                </a:cubicBezTo>
                <a:cubicBezTo>
                  <a:pt x="989" y="473"/>
                  <a:pt x="983" y="479"/>
                  <a:pt x="983" y="486"/>
                </a:cubicBezTo>
                <a:cubicBezTo>
                  <a:pt x="983" y="493"/>
                  <a:pt x="989" y="499"/>
                  <a:pt x="996" y="499"/>
                </a:cubicBezTo>
                <a:close/>
                <a:moveTo>
                  <a:pt x="1035" y="499"/>
                </a:moveTo>
                <a:cubicBezTo>
                  <a:pt x="1042" y="499"/>
                  <a:pt x="1048" y="493"/>
                  <a:pt x="1048" y="486"/>
                </a:cubicBezTo>
                <a:cubicBezTo>
                  <a:pt x="1048" y="479"/>
                  <a:pt x="1042" y="473"/>
                  <a:pt x="1035" y="473"/>
                </a:cubicBezTo>
                <a:cubicBezTo>
                  <a:pt x="1028" y="473"/>
                  <a:pt x="1022" y="479"/>
                  <a:pt x="1022" y="486"/>
                </a:cubicBezTo>
                <a:cubicBezTo>
                  <a:pt x="1022" y="493"/>
                  <a:pt x="1028" y="499"/>
                  <a:pt x="1035" y="499"/>
                </a:cubicBezTo>
                <a:close/>
                <a:moveTo>
                  <a:pt x="1666" y="493"/>
                </a:moveTo>
                <a:cubicBezTo>
                  <a:pt x="1670" y="493"/>
                  <a:pt x="1673" y="490"/>
                  <a:pt x="1673" y="486"/>
                </a:cubicBezTo>
                <a:cubicBezTo>
                  <a:pt x="1673" y="482"/>
                  <a:pt x="1670" y="478"/>
                  <a:pt x="1666" y="478"/>
                </a:cubicBezTo>
                <a:cubicBezTo>
                  <a:pt x="1662" y="478"/>
                  <a:pt x="1659" y="482"/>
                  <a:pt x="1659" y="486"/>
                </a:cubicBezTo>
                <a:cubicBezTo>
                  <a:pt x="1659" y="490"/>
                  <a:pt x="1662" y="493"/>
                  <a:pt x="1666" y="493"/>
                </a:cubicBezTo>
                <a:close/>
                <a:moveTo>
                  <a:pt x="1784" y="499"/>
                </a:moveTo>
                <a:cubicBezTo>
                  <a:pt x="1791" y="499"/>
                  <a:pt x="1797" y="493"/>
                  <a:pt x="1797" y="486"/>
                </a:cubicBezTo>
                <a:cubicBezTo>
                  <a:pt x="1797" y="479"/>
                  <a:pt x="1791" y="473"/>
                  <a:pt x="1784" y="473"/>
                </a:cubicBezTo>
                <a:cubicBezTo>
                  <a:pt x="1777" y="473"/>
                  <a:pt x="1772" y="479"/>
                  <a:pt x="1772" y="486"/>
                </a:cubicBezTo>
                <a:cubicBezTo>
                  <a:pt x="1772" y="493"/>
                  <a:pt x="1777" y="499"/>
                  <a:pt x="1784" y="499"/>
                </a:cubicBezTo>
                <a:close/>
                <a:moveTo>
                  <a:pt x="1863" y="473"/>
                </a:moveTo>
                <a:cubicBezTo>
                  <a:pt x="1856" y="473"/>
                  <a:pt x="1850" y="479"/>
                  <a:pt x="1850" y="486"/>
                </a:cubicBezTo>
                <a:cubicBezTo>
                  <a:pt x="1850" y="493"/>
                  <a:pt x="1856" y="498"/>
                  <a:pt x="1863" y="498"/>
                </a:cubicBezTo>
                <a:cubicBezTo>
                  <a:pt x="1870" y="498"/>
                  <a:pt x="1876" y="493"/>
                  <a:pt x="1876" y="486"/>
                </a:cubicBezTo>
                <a:cubicBezTo>
                  <a:pt x="1876" y="479"/>
                  <a:pt x="1870" y="473"/>
                  <a:pt x="1863" y="473"/>
                </a:cubicBezTo>
                <a:close/>
                <a:moveTo>
                  <a:pt x="1942" y="499"/>
                </a:moveTo>
                <a:cubicBezTo>
                  <a:pt x="1949" y="499"/>
                  <a:pt x="1955" y="493"/>
                  <a:pt x="1955" y="486"/>
                </a:cubicBezTo>
                <a:cubicBezTo>
                  <a:pt x="1955" y="479"/>
                  <a:pt x="1949" y="473"/>
                  <a:pt x="1942" y="473"/>
                </a:cubicBezTo>
                <a:cubicBezTo>
                  <a:pt x="1935" y="473"/>
                  <a:pt x="1929" y="479"/>
                  <a:pt x="1929" y="486"/>
                </a:cubicBezTo>
                <a:cubicBezTo>
                  <a:pt x="1929" y="493"/>
                  <a:pt x="1935" y="499"/>
                  <a:pt x="1942" y="499"/>
                </a:cubicBezTo>
                <a:close/>
                <a:moveTo>
                  <a:pt x="1981" y="499"/>
                </a:moveTo>
                <a:cubicBezTo>
                  <a:pt x="1988" y="499"/>
                  <a:pt x="1994" y="493"/>
                  <a:pt x="1994" y="486"/>
                </a:cubicBezTo>
                <a:cubicBezTo>
                  <a:pt x="1994" y="479"/>
                  <a:pt x="1988" y="473"/>
                  <a:pt x="1981" y="473"/>
                </a:cubicBezTo>
                <a:cubicBezTo>
                  <a:pt x="1974" y="473"/>
                  <a:pt x="1969" y="479"/>
                  <a:pt x="1969" y="486"/>
                </a:cubicBezTo>
                <a:cubicBezTo>
                  <a:pt x="1969" y="493"/>
                  <a:pt x="1974" y="499"/>
                  <a:pt x="1981" y="499"/>
                </a:cubicBezTo>
                <a:close/>
                <a:moveTo>
                  <a:pt x="2021" y="499"/>
                </a:moveTo>
                <a:cubicBezTo>
                  <a:pt x="2028" y="499"/>
                  <a:pt x="2034" y="493"/>
                  <a:pt x="2034" y="486"/>
                </a:cubicBezTo>
                <a:cubicBezTo>
                  <a:pt x="2034" y="479"/>
                  <a:pt x="2028" y="473"/>
                  <a:pt x="2021" y="473"/>
                </a:cubicBezTo>
                <a:cubicBezTo>
                  <a:pt x="2014" y="473"/>
                  <a:pt x="2008" y="479"/>
                  <a:pt x="2008" y="486"/>
                </a:cubicBezTo>
                <a:cubicBezTo>
                  <a:pt x="2008" y="493"/>
                  <a:pt x="2014" y="499"/>
                  <a:pt x="2021" y="499"/>
                </a:cubicBezTo>
                <a:close/>
                <a:moveTo>
                  <a:pt x="2060" y="499"/>
                </a:moveTo>
                <a:cubicBezTo>
                  <a:pt x="2067" y="499"/>
                  <a:pt x="2073" y="493"/>
                  <a:pt x="2073" y="486"/>
                </a:cubicBezTo>
                <a:cubicBezTo>
                  <a:pt x="2073" y="479"/>
                  <a:pt x="2067" y="473"/>
                  <a:pt x="2060" y="473"/>
                </a:cubicBezTo>
                <a:cubicBezTo>
                  <a:pt x="2053" y="473"/>
                  <a:pt x="2048" y="479"/>
                  <a:pt x="2048" y="486"/>
                </a:cubicBezTo>
                <a:cubicBezTo>
                  <a:pt x="2048" y="493"/>
                  <a:pt x="2053" y="499"/>
                  <a:pt x="2060" y="499"/>
                </a:cubicBezTo>
                <a:close/>
                <a:moveTo>
                  <a:pt x="2100" y="499"/>
                </a:moveTo>
                <a:cubicBezTo>
                  <a:pt x="2107" y="499"/>
                  <a:pt x="2112" y="493"/>
                  <a:pt x="2112" y="486"/>
                </a:cubicBezTo>
                <a:cubicBezTo>
                  <a:pt x="2112" y="479"/>
                  <a:pt x="2107" y="473"/>
                  <a:pt x="2100" y="473"/>
                </a:cubicBezTo>
                <a:cubicBezTo>
                  <a:pt x="2093" y="473"/>
                  <a:pt x="2087" y="479"/>
                  <a:pt x="2087" y="486"/>
                </a:cubicBezTo>
                <a:cubicBezTo>
                  <a:pt x="2087" y="493"/>
                  <a:pt x="2093" y="499"/>
                  <a:pt x="2100" y="499"/>
                </a:cubicBezTo>
                <a:close/>
                <a:moveTo>
                  <a:pt x="2139" y="499"/>
                </a:moveTo>
                <a:cubicBezTo>
                  <a:pt x="2146" y="499"/>
                  <a:pt x="2152" y="493"/>
                  <a:pt x="2152" y="486"/>
                </a:cubicBezTo>
                <a:cubicBezTo>
                  <a:pt x="2152" y="479"/>
                  <a:pt x="2146" y="473"/>
                  <a:pt x="2139" y="473"/>
                </a:cubicBezTo>
                <a:cubicBezTo>
                  <a:pt x="2132" y="473"/>
                  <a:pt x="2126" y="479"/>
                  <a:pt x="2126" y="486"/>
                </a:cubicBezTo>
                <a:cubicBezTo>
                  <a:pt x="2126" y="493"/>
                  <a:pt x="2132" y="499"/>
                  <a:pt x="2139" y="499"/>
                </a:cubicBezTo>
                <a:close/>
                <a:moveTo>
                  <a:pt x="2179" y="499"/>
                </a:moveTo>
                <a:cubicBezTo>
                  <a:pt x="2186" y="499"/>
                  <a:pt x="2191" y="493"/>
                  <a:pt x="2191" y="486"/>
                </a:cubicBezTo>
                <a:cubicBezTo>
                  <a:pt x="2191" y="479"/>
                  <a:pt x="2186" y="473"/>
                  <a:pt x="2179" y="473"/>
                </a:cubicBezTo>
                <a:cubicBezTo>
                  <a:pt x="2171" y="473"/>
                  <a:pt x="2166" y="479"/>
                  <a:pt x="2166" y="486"/>
                </a:cubicBezTo>
                <a:cubicBezTo>
                  <a:pt x="2166" y="493"/>
                  <a:pt x="2171" y="499"/>
                  <a:pt x="2179" y="499"/>
                </a:cubicBezTo>
                <a:close/>
                <a:moveTo>
                  <a:pt x="2218" y="499"/>
                </a:moveTo>
                <a:cubicBezTo>
                  <a:pt x="2225" y="499"/>
                  <a:pt x="2231" y="493"/>
                  <a:pt x="2231" y="486"/>
                </a:cubicBezTo>
                <a:cubicBezTo>
                  <a:pt x="2231" y="479"/>
                  <a:pt x="2225" y="473"/>
                  <a:pt x="2218" y="473"/>
                </a:cubicBezTo>
                <a:cubicBezTo>
                  <a:pt x="2211" y="473"/>
                  <a:pt x="2205" y="479"/>
                  <a:pt x="2205" y="486"/>
                </a:cubicBezTo>
                <a:cubicBezTo>
                  <a:pt x="2205" y="493"/>
                  <a:pt x="2211" y="499"/>
                  <a:pt x="2218" y="499"/>
                </a:cubicBezTo>
                <a:close/>
                <a:moveTo>
                  <a:pt x="2257" y="499"/>
                </a:moveTo>
                <a:cubicBezTo>
                  <a:pt x="2264" y="499"/>
                  <a:pt x="2270" y="493"/>
                  <a:pt x="2270" y="486"/>
                </a:cubicBezTo>
                <a:cubicBezTo>
                  <a:pt x="2270" y="479"/>
                  <a:pt x="2264" y="473"/>
                  <a:pt x="2257" y="473"/>
                </a:cubicBezTo>
                <a:cubicBezTo>
                  <a:pt x="2250" y="473"/>
                  <a:pt x="2245" y="479"/>
                  <a:pt x="2245" y="486"/>
                </a:cubicBezTo>
                <a:cubicBezTo>
                  <a:pt x="2245" y="493"/>
                  <a:pt x="2250" y="499"/>
                  <a:pt x="2257" y="499"/>
                </a:cubicBezTo>
                <a:close/>
                <a:moveTo>
                  <a:pt x="2297" y="499"/>
                </a:moveTo>
                <a:cubicBezTo>
                  <a:pt x="2304" y="499"/>
                  <a:pt x="2310" y="493"/>
                  <a:pt x="2310" y="486"/>
                </a:cubicBezTo>
                <a:cubicBezTo>
                  <a:pt x="2310" y="479"/>
                  <a:pt x="2304" y="473"/>
                  <a:pt x="2297" y="473"/>
                </a:cubicBezTo>
                <a:cubicBezTo>
                  <a:pt x="2290" y="473"/>
                  <a:pt x="2284" y="479"/>
                  <a:pt x="2284" y="486"/>
                </a:cubicBezTo>
                <a:cubicBezTo>
                  <a:pt x="2284" y="493"/>
                  <a:pt x="2290" y="499"/>
                  <a:pt x="2297" y="499"/>
                </a:cubicBezTo>
                <a:close/>
                <a:moveTo>
                  <a:pt x="2336" y="499"/>
                </a:moveTo>
                <a:cubicBezTo>
                  <a:pt x="2343" y="499"/>
                  <a:pt x="2349" y="493"/>
                  <a:pt x="2349" y="486"/>
                </a:cubicBezTo>
                <a:cubicBezTo>
                  <a:pt x="2349" y="479"/>
                  <a:pt x="2343" y="473"/>
                  <a:pt x="2336" y="473"/>
                </a:cubicBezTo>
                <a:cubicBezTo>
                  <a:pt x="2329" y="473"/>
                  <a:pt x="2323" y="479"/>
                  <a:pt x="2323" y="486"/>
                </a:cubicBezTo>
                <a:cubicBezTo>
                  <a:pt x="2323" y="493"/>
                  <a:pt x="2329" y="499"/>
                  <a:pt x="2336" y="499"/>
                </a:cubicBezTo>
                <a:close/>
                <a:moveTo>
                  <a:pt x="2376" y="499"/>
                </a:moveTo>
                <a:cubicBezTo>
                  <a:pt x="2383" y="499"/>
                  <a:pt x="2388" y="493"/>
                  <a:pt x="2388" y="486"/>
                </a:cubicBezTo>
                <a:cubicBezTo>
                  <a:pt x="2388" y="479"/>
                  <a:pt x="2383" y="473"/>
                  <a:pt x="2376" y="473"/>
                </a:cubicBezTo>
                <a:cubicBezTo>
                  <a:pt x="2369" y="473"/>
                  <a:pt x="2363" y="479"/>
                  <a:pt x="2363" y="486"/>
                </a:cubicBezTo>
                <a:cubicBezTo>
                  <a:pt x="2363" y="493"/>
                  <a:pt x="2369" y="499"/>
                  <a:pt x="2376" y="499"/>
                </a:cubicBezTo>
                <a:close/>
                <a:moveTo>
                  <a:pt x="2415" y="499"/>
                </a:moveTo>
                <a:cubicBezTo>
                  <a:pt x="2422" y="499"/>
                  <a:pt x="2428" y="493"/>
                  <a:pt x="2428" y="486"/>
                </a:cubicBezTo>
                <a:cubicBezTo>
                  <a:pt x="2428" y="479"/>
                  <a:pt x="2422" y="473"/>
                  <a:pt x="2415" y="473"/>
                </a:cubicBezTo>
                <a:cubicBezTo>
                  <a:pt x="2408" y="473"/>
                  <a:pt x="2402" y="479"/>
                  <a:pt x="2402" y="486"/>
                </a:cubicBezTo>
                <a:cubicBezTo>
                  <a:pt x="2402" y="493"/>
                  <a:pt x="2408" y="499"/>
                  <a:pt x="2415" y="499"/>
                </a:cubicBezTo>
                <a:close/>
                <a:moveTo>
                  <a:pt x="2454" y="499"/>
                </a:moveTo>
                <a:cubicBezTo>
                  <a:pt x="2462" y="499"/>
                  <a:pt x="2467" y="493"/>
                  <a:pt x="2467" y="486"/>
                </a:cubicBezTo>
                <a:cubicBezTo>
                  <a:pt x="2467" y="479"/>
                  <a:pt x="2462" y="473"/>
                  <a:pt x="2454" y="473"/>
                </a:cubicBezTo>
                <a:cubicBezTo>
                  <a:pt x="2447" y="473"/>
                  <a:pt x="2442" y="479"/>
                  <a:pt x="2442" y="486"/>
                </a:cubicBezTo>
                <a:cubicBezTo>
                  <a:pt x="2442" y="493"/>
                  <a:pt x="2447" y="499"/>
                  <a:pt x="2454" y="499"/>
                </a:cubicBezTo>
                <a:close/>
                <a:moveTo>
                  <a:pt x="2494" y="499"/>
                </a:moveTo>
                <a:cubicBezTo>
                  <a:pt x="2501" y="499"/>
                  <a:pt x="2507" y="493"/>
                  <a:pt x="2507" y="486"/>
                </a:cubicBezTo>
                <a:cubicBezTo>
                  <a:pt x="2507" y="479"/>
                  <a:pt x="2501" y="473"/>
                  <a:pt x="2494" y="473"/>
                </a:cubicBezTo>
                <a:cubicBezTo>
                  <a:pt x="2487" y="473"/>
                  <a:pt x="2481" y="479"/>
                  <a:pt x="2481" y="486"/>
                </a:cubicBezTo>
                <a:cubicBezTo>
                  <a:pt x="2481" y="493"/>
                  <a:pt x="2487" y="499"/>
                  <a:pt x="2494" y="499"/>
                </a:cubicBezTo>
                <a:close/>
                <a:moveTo>
                  <a:pt x="2533" y="499"/>
                </a:moveTo>
                <a:cubicBezTo>
                  <a:pt x="2540" y="499"/>
                  <a:pt x="2546" y="493"/>
                  <a:pt x="2546" y="486"/>
                </a:cubicBezTo>
                <a:cubicBezTo>
                  <a:pt x="2546" y="479"/>
                  <a:pt x="2540" y="473"/>
                  <a:pt x="2533" y="473"/>
                </a:cubicBezTo>
                <a:cubicBezTo>
                  <a:pt x="2526" y="473"/>
                  <a:pt x="2521" y="479"/>
                  <a:pt x="2521" y="486"/>
                </a:cubicBezTo>
                <a:cubicBezTo>
                  <a:pt x="2521" y="493"/>
                  <a:pt x="2526" y="499"/>
                  <a:pt x="2533" y="499"/>
                </a:cubicBezTo>
                <a:close/>
                <a:moveTo>
                  <a:pt x="2573" y="499"/>
                </a:moveTo>
                <a:cubicBezTo>
                  <a:pt x="2580" y="499"/>
                  <a:pt x="2586" y="493"/>
                  <a:pt x="2586" y="486"/>
                </a:cubicBezTo>
                <a:cubicBezTo>
                  <a:pt x="2586" y="479"/>
                  <a:pt x="2580" y="473"/>
                  <a:pt x="2573" y="473"/>
                </a:cubicBezTo>
                <a:cubicBezTo>
                  <a:pt x="2566" y="473"/>
                  <a:pt x="2560" y="479"/>
                  <a:pt x="2560" y="486"/>
                </a:cubicBezTo>
                <a:cubicBezTo>
                  <a:pt x="2560" y="493"/>
                  <a:pt x="2566" y="499"/>
                  <a:pt x="2573" y="499"/>
                </a:cubicBezTo>
                <a:close/>
                <a:moveTo>
                  <a:pt x="2612" y="499"/>
                </a:moveTo>
                <a:cubicBezTo>
                  <a:pt x="2619" y="499"/>
                  <a:pt x="2625" y="493"/>
                  <a:pt x="2625" y="486"/>
                </a:cubicBezTo>
                <a:cubicBezTo>
                  <a:pt x="2625" y="479"/>
                  <a:pt x="2619" y="473"/>
                  <a:pt x="2612" y="473"/>
                </a:cubicBezTo>
                <a:cubicBezTo>
                  <a:pt x="2605" y="473"/>
                  <a:pt x="2599" y="479"/>
                  <a:pt x="2599" y="486"/>
                </a:cubicBezTo>
                <a:cubicBezTo>
                  <a:pt x="2599" y="493"/>
                  <a:pt x="2605" y="499"/>
                  <a:pt x="2612" y="499"/>
                </a:cubicBezTo>
                <a:close/>
                <a:moveTo>
                  <a:pt x="2652" y="499"/>
                </a:moveTo>
                <a:cubicBezTo>
                  <a:pt x="2659" y="499"/>
                  <a:pt x="2664" y="493"/>
                  <a:pt x="2664" y="486"/>
                </a:cubicBezTo>
                <a:cubicBezTo>
                  <a:pt x="2664" y="479"/>
                  <a:pt x="2659" y="473"/>
                  <a:pt x="2652" y="473"/>
                </a:cubicBezTo>
                <a:cubicBezTo>
                  <a:pt x="2645" y="473"/>
                  <a:pt x="2639" y="479"/>
                  <a:pt x="2639" y="486"/>
                </a:cubicBezTo>
                <a:cubicBezTo>
                  <a:pt x="2639" y="493"/>
                  <a:pt x="2645" y="499"/>
                  <a:pt x="2652" y="499"/>
                </a:cubicBezTo>
                <a:close/>
                <a:moveTo>
                  <a:pt x="2691" y="499"/>
                </a:moveTo>
                <a:cubicBezTo>
                  <a:pt x="2698" y="499"/>
                  <a:pt x="2704" y="493"/>
                  <a:pt x="2704" y="486"/>
                </a:cubicBezTo>
                <a:cubicBezTo>
                  <a:pt x="2704" y="479"/>
                  <a:pt x="2698" y="473"/>
                  <a:pt x="2691" y="473"/>
                </a:cubicBezTo>
                <a:cubicBezTo>
                  <a:pt x="2684" y="473"/>
                  <a:pt x="2678" y="479"/>
                  <a:pt x="2678" y="486"/>
                </a:cubicBezTo>
                <a:cubicBezTo>
                  <a:pt x="2678" y="493"/>
                  <a:pt x="2684" y="499"/>
                  <a:pt x="2691" y="499"/>
                </a:cubicBezTo>
                <a:close/>
                <a:moveTo>
                  <a:pt x="2730" y="499"/>
                </a:moveTo>
                <a:cubicBezTo>
                  <a:pt x="2738" y="499"/>
                  <a:pt x="2743" y="493"/>
                  <a:pt x="2743" y="486"/>
                </a:cubicBezTo>
                <a:cubicBezTo>
                  <a:pt x="2743" y="479"/>
                  <a:pt x="2738" y="473"/>
                  <a:pt x="2730" y="473"/>
                </a:cubicBezTo>
                <a:cubicBezTo>
                  <a:pt x="2723" y="473"/>
                  <a:pt x="2718" y="479"/>
                  <a:pt x="2718" y="486"/>
                </a:cubicBezTo>
                <a:cubicBezTo>
                  <a:pt x="2718" y="493"/>
                  <a:pt x="2723" y="499"/>
                  <a:pt x="2730" y="499"/>
                </a:cubicBezTo>
                <a:close/>
                <a:moveTo>
                  <a:pt x="2770" y="499"/>
                </a:moveTo>
                <a:cubicBezTo>
                  <a:pt x="2777" y="499"/>
                  <a:pt x="2783" y="493"/>
                  <a:pt x="2783" y="486"/>
                </a:cubicBezTo>
                <a:cubicBezTo>
                  <a:pt x="2783" y="479"/>
                  <a:pt x="2777" y="473"/>
                  <a:pt x="2770" y="473"/>
                </a:cubicBezTo>
                <a:cubicBezTo>
                  <a:pt x="2763" y="473"/>
                  <a:pt x="2757" y="479"/>
                  <a:pt x="2757" y="486"/>
                </a:cubicBezTo>
                <a:cubicBezTo>
                  <a:pt x="2757" y="493"/>
                  <a:pt x="2763" y="499"/>
                  <a:pt x="2770" y="499"/>
                </a:cubicBezTo>
                <a:close/>
                <a:moveTo>
                  <a:pt x="2809" y="499"/>
                </a:moveTo>
                <a:cubicBezTo>
                  <a:pt x="2816" y="499"/>
                  <a:pt x="2822" y="493"/>
                  <a:pt x="2822" y="486"/>
                </a:cubicBezTo>
                <a:cubicBezTo>
                  <a:pt x="2822" y="479"/>
                  <a:pt x="2816" y="473"/>
                  <a:pt x="2809" y="473"/>
                </a:cubicBezTo>
                <a:cubicBezTo>
                  <a:pt x="2802" y="473"/>
                  <a:pt x="2797" y="479"/>
                  <a:pt x="2797" y="486"/>
                </a:cubicBezTo>
                <a:cubicBezTo>
                  <a:pt x="2797" y="493"/>
                  <a:pt x="2802" y="499"/>
                  <a:pt x="2809" y="499"/>
                </a:cubicBezTo>
                <a:close/>
                <a:moveTo>
                  <a:pt x="2849" y="499"/>
                </a:moveTo>
                <a:cubicBezTo>
                  <a:pt x="2856" y="499"/>
                  <a:pt x="2861" y="493"/>
                  <a:pt x="2861" y="486"/>
                </a:cubicBezTo>
                <a:cubicBezTo>
                  <a:pt x="2861" y="479"/>
                  <a:pt x="2856" y="473"/>
                  <a:pt x="2849" y="473"/>
                </a:cubicBezTo>
                <a:cubicBezTo>
                  <a:pt x="2842" y="473"/>
                  <a:pt x="2836" y="479"/>
                  <a:pt x="2836" y="486"/>
                </a:cubicBezTo>
                <a:cubicBezTo>
                  <a:pt x="2836" y="493"/>
                  <a:pt x="2842" y="499"/>
                  <a:pt x="2849" y="499"/>
                </a:cubicBezTo>
                <a:close/>
                <a:moveTo>
                  <a:pt x="2888" y="499"/>
                </a:moveTo>
                <a:cubicBezTo>
                  <a:pt x="2895" y="499"/>
                  <a:pt x="2901" y="493"/>
                  <a:pt x="2901" y="486"/>
                </a:cubicBezTo>
                <a:cubicBezTo>
                  <a:pt x="2901" y="479"/>
                  <a:pt x="2895" y="473"/>
                  <a:pt x="2888" y="473"/>
                </a:cubicBezTo>
                <a:cubicBezTo>
                  <a:pt x="2881" y="473"/>
                  <a:pt x="2875" y="479"/>
                  <a:pt x="2875" y="486"/>
                </a:cubicBezTo>
                <a:cubicBezTo>
                  <a:pt x="2875" y="493"/>
                  <a:pt x="2881" y="499"/>
                  <a:pt x="2888" y="499"/>
                </a:cubicBezTo>
                <a:close/>
                <a:moveTo>
                  <a:pt x="2928" y="499"/>
                </a:moveTo>
                <a:cubicBezTo>
                  <a:pt x="2935" y="499"/>
                  <a:pt x="2940" y="493"/>
                  <a:pt x="2940" y="486"/>
                </a:cubicBezTo>
                <a:cubicBezTo>
                  <a:pt x="2940" y="479"/>
                  <a:pt x="2935" y="473"/>
                  <a:pt x="2928" y="473"/>
                </a:cubicBezTo>
                <a:cubicBezTo>
                  <a:pt x="2921" y="473"/>
                  <a:pt x="2915" y="479"/>
                  <a:pt x="2915" y="486"/>
                </a:cubicBezTo>
                <a:cubicBezTo>
                  <a:pt x="2915" y="493"/>
                  <a:pt x="2921" y="499"/>
                  <a:pt x="2928" y="499"/>
                </a:cubicBezTo>
                <a:close/>
                <a:moveTo>
                  <a:pt x="2967" y="499"/>
                </a:moveTo>
                <a:cubicBezTo>
                  <a:pt x="2974" y="499"/>
                  <a:pt x="2980" y="493"/>
                  <a:pt x="2980" y="486"/>
                </a:cubicBezTo>
                <a:cubicBezTo>
                  <a:pt x="2980" y="479"/>
                  <a:pt x="2974" y="473"/>
                  <a:pt x="2967" y="473"/>
                </a:cubicBezTo>
                <a:cubicBezTo>
                  <a:pt x="2960" y="473"/>
                  <a:pt x="2954" y="479"/>
                  <a:pt x="2954" y="486"/>
                </a:cubicBezTo>
                <a:cubicBezTo>
                  <a:pt x="2954" y="493"/>
                  <a:pt x="2960" y="499"/>
                  <a:pt x="2967" y="499"/>
                </a:cubicBezTo>
                <a:close/>
                <a:moveTo>
                  <a:pt x="3006" y="499"/>
                </a:moveTo>
                <a:cubicBezTo>
                  <a:pt x="3013" y="499"/>
                  <a:pt x="3019" y="493"/>
                  <a:pt x="3019" y="486"/>
                </a:cubicBezTo>
                <a:cubicBezTo>
                  <a:pt x="3019" y="479"/>
                  <a:pt x="3013" y="473"/>
                  <a:pt x="3006" y="473"/>
                </a:cubicBezTo>
                <a:cubicBezTo>
                  <a:pt x="2999" y="473"/>
                  <a:pt x="2994" y="479"/>
                  <a:pt x="2994" y="486"/>
                </a:cubicBezTo>
                <a:cubicBezTo>
                  <a:pt x="2994" y="493"/>
                  <a:pt x="2999" y="499"/>
                  <a:pt x="3006" y="499"/>
                </a:cubicBezTo>
                <a:close/>
                <a:moveTo>
                  <a:pt x="3046" y="499"/>
                </a:moveTo>
                <a:cubicBezTo>
                  <a:pt x="3053" y="499"/>
                  <a:pt x="3059" y="493"/>
                  <a:pt x="3059" y="486"/>
                </a:cubicBezTo>
                <a:cubicBezTo>
                  <a:pt x="3059" y="479"/>
                  <a:pt x="3053" y="473"/>
                  <a:pt x="3046" y="473"/>
                </a:cubicBezTo>
                <a:cubicBezTo>
                  <a:pt x="3039" y="473"/>
                  <a:pt x="3033" y="479"/>
                  <a:pt x="3033" y="486"/>
                </a:cubicBezTo>
                <a:cubicBezTo>
                  <a:pt x="3033" y="493"/>
                  <a:pt x="3039" y="499"/>
                  <a:pt x="3046" y="499"/>
                </a:cubicBezTo>
                <a:close/>
                <a:moveTo>
                  <a:pt x="3085" y="499"/>
                </a:moveTo>
                <a:cubicBezTo>
                  <a:pt x="3092" y="499"/>
                  <a:pt x="3098" y="493"/>
                  <a:pt x="3098" y="486"/>
                </a:cubicBezTo>
                <a:cubicBezTo>
                  <a:pt x="3098" y="479"/>
                  <a:pt x="3092" y="473"/>
                  <a:pt x="3085" y="473"/>
                </a:cubicBezTo>
                <a:cubicBezTo>
                  <a:pt x="3078" y="473"/>
                  <a:pt x="3073" y="479"/>
                  <a:pt x="3073" y="486"/>
                </a:cubicBezTo>
                <a:cubicBezTo>
                  <a:pt x="3073" y="493"/>
                  <a:pt x="3078" y="499"/>
                  <a:pt x="3085" y="499"/>
                </a:cubicBezTo>
                <a:close/>
                <a:moveTo>
                  <a:pt x="3282" y="499"/>
                </a:moveTo>
                <a:cubicBezTo>
                  <a:pt x="3289" y="499"/>
                  <a:pt x="3295" y="493"/>
                  <a:pt x="3295" y="486"/>
                </a:cubicBezTo>
                <a:cubicBezTo>
                  <a:pt x="3295" y="479"/>
                  <a:pt x="3289" y="473"/>
                  <a:pt x="3282" y="473"/>
                </a:cubicBezTo>
                <a:cubicBezTo>
                  <a:pt x="3275" y="473"/>
                  <a:pt x="3270" y="479"/>
                  <a:pt x="3270" y="486"/>
                </a:cubicBezTo>
                <a:cubicBezTo>
                  <a:pt x="3270" y="493"/>
                  <a:pt x="3275" y="499"/>
                  <a:pt x="3282" y="499"/>
                </a:cubicBezTo>
                <a:close/>
                <a:moveTo>
                  <a:pt x="3322" y="473"/>
                </a:moveTo>
                <a:cubicBezTo>
                  <a:pt x="3315" y="473"/>
                  <a:pt x="3309" y="479"/>
                  <a:pt x="3309" y="486"/>
                </a:cubicBezTo>
                <a:cubicBezTo>
                  <a:pt x="3309" y="493"/>
                  <a:pt x="3315" y="499"/>
                  <a:pt x="3322" y="499"/>
                </a:cubicBezTo>
                <a:cubicBezTo>
                  <a:pt x="3329" y="499"/>
                  <a:pt x="3335" y="493"/>
                  <a:pt x="3335" y="486"/>
                </a:cubicBezTo>
                <a:cubicBezTo>
                  <a:pt x="3335" y="479"/>
                  <a:pt x="3329" y="473"/>
                  <a:pt x="3322" y="473"/>
                </a:cubicBezTo>
                <a:close/>
                <a:moveTo>
                  <a:pt x="404" y="512"/>
                </a:moveTo>
                <a:cubicBezTo>
                  <a:pt x="397" y="512"/>
                  <a:pt x="392" y="518"/>
                  <a:pt x="392" y="525"/>
                </a:cubicBezTo>
                <a:cubicBezTo>
                  <a:pt x="392" y="532"/>
                  <a:pt x="397" y="538"/>
                  <a:pt x="404" y="538"/>
                </a:cubicBezTo>
                <a:cubicBezTo>
                  <a:pt x="411" y="538"/>
                  <a:pt x="417" y="532"/>
                  <a:pt x="417" y="525"/>
                </a:cubicBezTo>
                <a:cubicBezTo>
                  <a:pt x="417" y="518"/>
                  <a:pt x="411" y="512"/>
                  <a:pt x="404" y="512"/>
                </a:cubicBezTo>
                <a:close/>
                <a:moveTo>
                  <a:pt x="444" y="538"/>
                </a:moveTo>
                <a:cubicBezTo>
                  <a:pt x="451" y="538"/>
                  <a:pt x="457" y="532"/>
                  <a:pt x="457" y="525"/>
                </a:cubicBezTo>
                <a:cubicBezTo>
                  <a:pt x="457" y="518"/>
                  <a:pt x="451" y="512"/>
                  <a:pt x="444" y="512"/>
                </a:cubicBezTo>
                <a:cubicBezTo>
                  <a:pt x="437" y="512"/>
                  <a:pt x="431" y="518"/>
                  <a:pt x="431" y="525"/>
                </a:cubicBezTo>
                <a:cubicBezTo>
                  <a:pt x="431" y="532"/>
                  <a:pt x="437" y="538"/>
                  <a:pt x="444" y="538"/>
                </a:cubicBezTo>
                <a:close/>
                <a:moveTo>
                  <a:pt x="483" y="538"/>
                </a:moveTo>
                <a:cubicBezTo>
                  <a:pt x="490" y="538"/>
                  <a:pt x="496" y="532"/>
                  <a:pt x="496" y="525"/>
                </a:cubicBezTo>
                <a:cubicBezTo>
                  <a:pt x="496" y="518"/>
                  <a:pt x="490" y="512"/>
                  <a:pt x="483" y="512"/>
                </a:cubicBezTo>
                <a:cubicBezTo>
                  <a:pt x="476" y="512"/>
                  <a:pt x="471" y="518"/>
                  <a:pt x="471" y="525"/>
                </a:cubicBezTo>
                <a:cubicBezTo>
                  <a:pt x="471" y="532"/>
                  <a:pt x="476" y="538"/>
                  <a:pt x="483" y="538"/>
                </a:cubicBezTo>
                <a:close/>
                <a:moveTo>
                  <a:pt x="523" y="538"/>
                </a:moveTo>
                <a:cubicBezTo>
                  <a:pt x="530" y="538"/>
                  <a:pt x="535" y="532"/>
                  <a:pt x="535" y="525"/>
                </a:cubicBezTo>
                <a:cubicBezTo>
                  <a:pt x="535" y="518"/>
                  <a:pt x="530" y="512"/>
                  <a:pt x="523" y="512"/>
                </a:cubicBezTo>
                <a:cubicBezTo>
                  <a:pt x="516" y="512"/>
                  <a:pt x="510" y="518"/>
                  <a:pt x="510" y="525"/>
                </a:cubicBezTo>
                <a:cubicBezTo>
                  <a:pt x="510" y="532"/>
                  <a:pt x="516" y="538"/>
                  <a:pt x="523" y="538"/>
                </a:cubicBezTo>
                <a:close/>
                <a:moveTo>
                  <a:pt x="562" y="538"/>
                </a:moveTo>
                <a:cubicBezTo>
                  <a:pt x="569" y="538"/>
                  <a:pt x="575" y="532"/>
                  <a:pt x="575" y="525"/>
                </a:cubicBezTo>
                <a:cubicBezTo>
                  <a:pt x="575" y="518"/>
                  <a:pt x="569" y="512"/>
                  <a:pt x="562" y="512"/>
                </a:cubicBezTo>
                <a:cubicBezTo>
                  <a:pt x="555" y="512"/>
                  <a:pt x="549" y="518"/>
                  <a:pt x="549" y="525"/>
                </a:cubicBezTo>
                <a:cubicBezTo>
                  <a:pt x="549" y="532"/>
                  <a:pt x="555" y="538"/>
                  <a:pt x="562" y="538"/>
                </a:cubicBezTo>
                <a:close/>
                <a:moveTo>
                  <a:pt x="602" y="538"/>
                </a:moveTo>
                <a:cubicBezTo>
                  <a:pt x="609" y="538"/>
                  <a:pt x="614" y="532"/>
                  <a:pt x="614" y="525"/>
                </a:cubicBezTo>
                <a:cubicBezTo>
                  <a:pt x="614" y="518"/>
                  <a:pt x="609" y="512"/>
                  <a:pt x="602" y="512"/>
                </a:cubicBezTo>
                <a:cubicBezTo>
                  <a:pt x="595" y="512"/>
                  <a:pt x="589" y="518"/>
                  <a:pt x="589" y="525"/>
                </a:cubicBezTo>
                <a:cubicBezTo>
                  <a:pt x="589" y="532"/>
                  <a:pt x="595" y="538"/>
                  <a:pt x="602" y="538"/>
                </a:cubicBezTo>
                <a:close/>
                <a:moveTo>
                  <a:pt x="641" y="538"/>
                </a:moveTo>
                <a:cubicBezTo>
                  <a:pt x="648" y="538"/>
                  <a:pt x="654" y="532"/>
                  <a:pt x="654" y="525"/>
                </a:cubicBezTo>
                <a:cubicBezTo>
                  <a:pt x="654" y="518"/>
                  <a:pt x="648" y="512"/>
                  <a:pt x="641" y="512"/>
                </a:cubicBezTo>
                <a:cubicBezTo>
                  <a:pt x="634" y="512"/>
                  <a:pt x="628" y="518"/>
                  <a:pt x="628" y="525"/>
                </a:cubicBezTo>
                <a:cubicBezTo>
                  <a:pt x="628" y="532"/>
                  <a:pt x="634" y="538"/>
                  <a:pt x="641" y="538"/>
                </a:cubicBezTo>
                <a:close/>
                <a:moveTo>
                  <a:pt x="680" y="538"/>
                </a:moveTo>
                <a:cubicBezTo>
                  <a:pt x="687" y="538"/>
                  <a:pt x="693" y="532"/>
                  <a:pt x="693" y="525"/>
                </a:cubicBezTo>
                <a:cubicBezTo>
                  <a:pt x="693" y="518"/>
                  <a:pt x="687" y="512"/>
                  <a:pt x="680" y="512"/>
                </a:cubicBezTo>
                <a:cubicBezTo>
                  <a:pt x="673" y="512"/>
                  <a:pt x="668" y="518"/>
                  <a:pt x="668" y="525"/>
                </a:cubicBezTo>
                <a:cubicBezTo>
                  <a:pt x="668" y="532"/>
                  <a:pt x="673" y="538"/>
                  <a:pt x="680" y="538"/>
                </a:cubicBezTo>
                <a:close/>
                <a:moveTo>
                  <a:pt x="720" y="538"/>
                </a:moveTo>
                <a:cubicBezTo>
                  <a:pt x="727" y="538"/>
                  <a:pt x="733" y="532"/>
                  <a:pt x="733" y="525"/>
                </a:cubicBezTo>
                <a:cubicBezTo>
                  <a:pt x="733" y="518"/>
                  <a:pt x="727" y="512"/>
                  <a:pt x="720" y="512"/>
                </a:cubicBezTo>
                <a:cubicBezTo>
                  <a:pt x="713" y="512"/>
                  <a:pt x="707" y="518"/>
                  <a:pt x="707" y="525"/>
                </a:cubicBezTo>
                <a:cubicBezTo>
                  <a:pt x="707" y="532"/>
                  <a:pt x="713" y="538"/>
                  <a:pt x="720" y="538"/>
                </a:cubicBezTo>
                <a:close/>
                <a:moveTo>
                  <a:pt x="759" y="538"/>
                </a:moveTo>
                <a:cubicBezTo>
                  <a:pt x="766" y="538"/>
                  <a:pt x="772" y="532"/>
                  <a:pt x="772" y="525"/>
                </a:cubicBezTo>
                <a:cubicBezTo>
                  <a:pt x="772" y="518"/>
                  <a:pt x="766" y="512"/>
                  <a:pt x="759" y="512"/>
                </a:cubicBezTo>
                <a:cubicBezTo>
                  <a:pt x="752" y="512"/>
                  <a:pt x="747" y="518"/>
                  <a:pt x="747" y="525"/>
                </a:cubicBezTo>
                <a:cubicBezTo>
                  <a:pt x="747" y="532"/>
                  <a:pt x="752" y="538"/>
                  <a:pt x="759" y="538"/>
                </a:cubicBezTo>
                <a:close/>
                <a:moveTo>
                  <a:pt x="799" y="538"/>
                </a:moveTo>
                <a:cubicBezTo>
                  <a:pt x="806" y="538"/>
                  <a:pt x="811" y="532"/>
                  <a:pt x="811" y="525"/>
                </a:cubicBezTo>
                <a:cubicBezTo>
                  <a:pt x="811" y="518"/>
                  <a:pt x="806" y="512"/>
                  <a:pt x="799" y="512"/>
                </a:cubicBezTo>
                <a:cubicBezTo>
                  <a:pt x="792" y="512"/>
                  <a:pt x="786" y="518"/>
                  <a:pt x="786" y="525"/>
                </a:cubicBezTo>
                <a:cubicBezTo>
                  <a:pt x="786" y="532"/>
                  <a:pt x="792" y="538"/>
                  <a:pt x="799" y="538"/>
                </a:cubicBezTo>
                <a:close/>
                <a:moveTo>
                  <a:pt x="838" y="538"/>
                </a:moveTo>
                <a:cubicBezTo>
                  <a:pt x="845" y="538"/>
                  <a:pt x="851" y="532"/>
                  <a:pt x="851" y="525"/>
                </a:cubicBezTo>
                <a:cubicBezTo>
                  <a:pt x="851" y="518"/>
                  <a:pt x="845" y="512"/>
                  <a:pt x="838" y="512"/>
                </a:cubicBezTo>
                <a:cubicBezTo>
                  <a:pt x="831" y="512"/>
                  <a:pt x="825" y="518"/>
                  <a:pt x="825" y="525"/>
                </a:cubicBezTo>
                <a:cubicBezTo>
                  <a:pt x="825" y="532"/>
                  <a:pt x="831" y="538"/>
                  <a:pt x="838" y="538"/>
                </a:cubicBezTo>
                <a:close/>
                <a:moveTo>
                  <a:pt x="917" y="538"/>
                </a:moveTo>
                <a:cubicBezTo>
                  <a:pt x="924" y="538"/>
                  <a:pt x="930" y="532"/>
                  <a:pt x="930" y="525"/>
                </a:cubicBezTo>
                <a:cubicBezTo>
                  <a:pt x="930" y="518"/>
                  <a:pt x="924" y="512"/>
                  <a:pt x="917" y="512"/>
                </a:cubicBezTo>
                <a:cubicBezTo>
                  <a:pt x="910" y="512"/>
                  <a:pt x="904" y="518"/>
                  <a:pt x="904" y="525"/>
                </a:cubicBezTo>
                <a:cubicBezTo>
                  <a:pt x="904" y="532"/>
                  <a:pt x="910" y="538"/>
                  <a:pt x="917" y="538"/>
                </a:cubicBezTo>
                <a:close/>
                <a:moveTo>
                  <a:pt x="956" y="538"/>
                </a:moveTo>
                <a:cubicBezTo>
                  <a:pt x="963" y="538"/>
                  <a:pt x="969" y="532"/>
                  <a:pt x="969" y="525"/>
                </a:cubicBezTo>
                <a:cubicBezTo>
                  <a:pt x="969" y="518"/>
                  <a:pt x="963" y="512"/>
                  <a:pt x="956" y="512"/>
                </a:cubicBezTo>
                <a:cubicBezTo>
                  <a:pt x="949" y="512"/>
                  <a:pt x="944" y="518"/>
                  <a:pt x="944" y="525"/>
                </a:cubicBezTo>
                <a:cubicBezTo>
                  <a:pt x="944" y="532"/>
                  <a:pt x="949" y="538"/>
                  <a:pt x="956" y="538"/>
                </a:cubicBezTo>
                <a:close/>
                <a:moveTo>
                  <a:pt x="996" y="538"/>
                </a:moveTo>
                <a:cubicBezTo>
                  <a:pt x="1003" y="538"/>
                  <a:pt x="1009" y="532"/>
                  <a:pt x="1009" y="525"/>
                </a:cubicBezTo>
                <a:cubicBezTo>
                  <a:pt x="1009" y="518"/>
                  <a:pt x="1003" y="512"/>
                  <a:pt x="996" y="512"/>
                </a:cubicBezTo>
                <a:cubicBezTo>
                  <a:pt x="989" y="512"/>
                  <a:pt x="983" y="518"/>
                  <a:pt x="983" y="525"/>
                </a:cubicBezTo>
                <a:cubicBezTo>
                  <a:pt x="983" y="532"/>
                  <a:pt x="989" y="538"/>
                  <a:pt x="996" y="538"/>
                </a:cubicBezTo>
                <a:close/>
                <a:moveTo>
                  <a:pt x="1035" y="538"/>
                </a:moveTo>
                <a:cubicBezTo>
                  <a:pt x="1042" y="538"/>
                  <a:pt x="1048" y="532"/>
                  <a:pt x="1048" y="525"/>
                </a:cubicBezTo>
                <a:cubicBezTo>
                  <a:pt x="1048" y="518"/>
                  <a:pt x="1042" y="512"/>
                  <a:pt x="1035" y="512"/>
                </a:cubicBezTo>
                <a:cubicBezTo>
                  <a:pt x="1028" y="512"/>
                  <a:pt x="1022" y="518"/>
                  <a:pt x="1022" y="525"/>
                </a:cubicBezTo>
                <a:cubicBezTo>
                  <a:pt x="1022" y="532"/>
                  <a:pt x="1028" y="538"/>
                  <a:pt x="1035" y="538"/>
                </a:cubicBezTo>
                <a:close/>
                <a:moveTo>
                  <a:pt x="1062" y="525"/>
                </a:moveTo>
                <a:cubicBezTo>
                  <a:pt x="1062" y="532"/>
                  <a:pt x="1068" y="538"/>
                  <a:pt x="1075" y="538"/>
                </a:cubicBezTo>
                <a:cubicBezTo>
                  <a:pt x="1082" y="538"/>
                  <a:pt x="1087" y="532"/>
                  <a:pt x="1087" y="525"/>
                </a:cubicBezTo>
                <a:cubicBezTo>
                  <a:pt x="1087" y="518"/>
                  <a:pt x="1082" y="512"/>
                  <a:pt x="1075" y="512"/>
                </a:cubicBezTo>
                <a:cubicBezTo>
                  <a:pt x="1068" y="512"/>
                  <a:pt x="1062" y="518"/>
                  <a:pt x="1062" y="525"/>
                </a:cubicBezTo>
                <a:close/>
                <a:moveTo>
                  <a:pt x="1627" y="538"/>
                </a:moveTo>
                <a:cubicBezTo>
                  <a:pt x="1634" y="538"/>
                  <a:pt x="1639" y="532"/>
                  <a:pt x="1639" y="525"/>
                </a:cubicBezTo>
                <a:cubicBezTo>
                  <a:pt x="1639" y="518"/>
                  <a:pt x="1634" y="512"/>
                  <a:pt x="1627" y="512"/>
                </a:cubicBezTo>
                <a:cubicBezTo>
                  <a:pt x="1620" y="512"/>
                  <a:pt x="1614" y="518"/>
                  <a:pt x="1614" y="525"/>
                </a:cubicBezTo>
                <a:cubicBezTo>
                  <a:pt x="1614" y="532"/>
                  <a:pt x="1620" y="538"/>
                  <a:pt x="1627" y="538"/>
                </a:cubicBezTo>
                <a:close/>
                <a:moveTo>
                  <a:pt x="1666" y="537"/>
                </a:moveTo>
                <a:cubicBezTo>
                  <a:pt x="1673" y="537"/>
                  <a:pt x="1678" y="532"/>
                  <a:pt x="1678" y="525"/>
                </a:cubicBezTo>
                <a:cubicBezTo>
                  <a:pt x="1678" y="519"/>
                  <a:pt x="1673" y="513"/>
                  <a:pt x="1666" y="513"/>
                </a:cubicBezTo>
                <a:cubicBezTo>
                  <a:pt x="1659" y="513"/>
                  <a:pt x="1654" y="519"/>
                  <a:pt x="1654" y="525"/>
                </a:cubicBezTo>
                <a:cubicBezTo>
                  <a:pt x="1654" y="532"/>
                  <a:pt x="1659" y="537"/>
                  <a:pt x="1666" y="537"/>
                </a:cubicBezTo>
                <a:close/>
                <a:moveTo>
                  <a:pt x="1784" y="538"/>
                </a:moveTo>
                <a:cubicBezTo>
                  <a:pt x="1791" y="538"/>
                  <a:pt x="1797" y="532"/>
                  <a:pt x="1797" y="525"/>
                </a:cubicBezTo>
                <a:cubicBezTo>
                  <a:pt x="1797" y="518"/>
                  <a:pt x="1791" y="512"/>
                  <a:pt x="1784" y="512"/>
                </a:cubicBezTo>
                <a:cubicBezTo>
                  <a:pt x="1777" y="512"/>
                  <a:pt x="1772" y="518"/>
                  <a:pt x="1772" y="525"/>
                </a:cubicBezTo>
                <a:cubicBezTo>
                  <a:pt x="1772" y="532"/>
                  <a:pt x="1777" y="538"/>
                  <a:pt x="1784" y="538"/>
                </a:cubicBezTo>
                <a:close/>
                <a:moveTo>
                  <a:pt x="1824" y="538"/>
                </a:moveTo>
                <a:cubicBezTo>
                  <a:pt x="1831" y="538"/>
                  <a:pt x="1836" y="532"/>
                  <a:pt x="1836" y="525"/>
                </a:cubicBezTo>
                <a:cubicBezTo>
                  <a:pt x="1836" y="518"/>
                  <a:pt x="1831" y="512"/>
                  <a:pt x="1824" y="512"/>
                </a:cubicBezTo>
                <a:cubicBezTo>
                  <a:pt x="1817" y="512"/>
                  <a:pt x="1811" y="518"/>
                  <a:pt x="1811" y="525"/>
                </a:cubicBezTo>
                <a:cubicBezTo>
                  <a:pt x="1811" y="532"/>
                  <a:pt x="1817" y="538"/>
                  <a:pt x="1824" y="538"/>
                </a:cubicBezTo>
                <a:close/>
                <a:moveTo>
                  <a:pt x="1863" y="538"/>
                </a:moveTo>
                <a:cubicBezTo>
                  <a:pt x="1870" y="538"/>
                  <a:pt x="1876" y="532"/>
                  <a:pt x="1876" y="525"/>
                </a:cubicBezTo>
                <a:cubicBezTo>
                  <a:pt x="1876" y="518"/>
                  <a:pt x="1870" y="512"/>
                  <a:pt x="1863" y="512"/>
                </a:cubicBezTo>
                <a:cubicBezTo>
                  <a:pt x="1856" y="512"/>
                  <a:pt x="1850" y="518"/>
                  <a:pt x="1850" y="525"/>
                </a:cubicBezTo>
                <a:cubicBezTo>
                  <a:pt x="1850" y="532"/>
                  <a:pt x="1856" y="538"/>
                  <a:pt x="1863" y="538"/>
                </a:cubicBezTo>
                <a:close/>
                <a:moveTo>
                  <a:pt x="1903" y="538"/>
                </a:moveTo>
                <a:cubicBezTo>
                  <a:pt x="1910" y="538"/>
                  <a:pt x="1915" y="532"/>
                  <a:pt x="1915" y="525"/>
                </a:cubicBezTo>
                <a:cubicBezTo>
                  <a:pt x="1915" y="518"/>
                  <a:pt x="1910" y="512"/>
                  <a:pt x="1903" y="512"/>
                </a:cubicBezTo>
                <a:cubicBezTo>
                  <a:pt x="1896" y="512"/>
                  <a:pt x="1890" y="518"/>
                  <a:pt x="1890" y="525"/>
                </a:cubicBezTo>
                <a:cubicBezTo>
                  <a:pt x="1890" y="532"/>
                  <a:pt x="1896" y="538"/>
                  <a:pt x="1903" y="538"/>
                </a:cubicBezTo>
                <a:close/>
                <a:moveTo>
                  <a:pt x="1942" y="538"/>
                </a:moveTo>
                <a:cubicBezTo>
                  <a:pt x="1949" y="538"/>
                  <a:pt x="1955" y="532"/>
                  <a:pt x="1955" y="525"/>
                </a:cubicBezTo>
                <a:cubicBezTo>
                  <a:pt x="1955" y="518"/>
                  <a:pt x="1949" y="512"/>
                  <a:pt x="1942" y="512"/>
                </a:cubicBezTo>
                <a:cubicBezTo>
                  <a:pt x="1935" y="512"/>
                  <a:pt x="1929" y="518"/>
                  <a:pt x="1929" y="525"/>
                </a:cubicBezTo>
                <a:cubicBezTo>
                  <a:pt x="1929" y="532"/>
                  <a:pt x="1935" y="538"/>
                  <a:pt x="1942" y="538"/>
                </a:cubicBezTo>
                <a:close/>
                <a:moveTo>
                  <a:pt x="1981" y="538"/>
                </a:moveTo>
                <a:cubicBezTo>
                  <a:pt x="1988" y="538"/>
                  <a:pt x="1994" y="532"/>
                  <a:pt x="1994" y="525"/>
                </a:cubicBezTo>
                <a:cubicBezTo>
                  <a:pt x="1994" y="518"/>
                  <a:pt x="1988" y="512"/>
                  <a:pt x="1981" y="512"/>
                </a:cubicBezTo>
                <a:cubicBezTo>
                  <a:pt x="1974" y="512"/>
                  <a:pt x="1969" y="518"/>
                  <a:pt x="1969" y="525"/>
                </a:cubicBezTo>
                <a:cubicBezTo>
                  <a:pt x="1969" y="532"/>
                  <a:pt x="1974" y="538"/>
                  <a:pt x="1981" y="538"/>
                </a:cubicBezTo>
                <a:close/>
                <a:moveTo>
                  <a:pt x="2021" y="538"/>
                </a:moveTo>
                <a:cubicBezTo>
                  <a:pt x="2028" y="538"/>
                  <a:pt x="2034" y="532"/>
                  <a:pt x="2034" y="525"/>
                </a:cubicBezTo>
                <a:cubicBezTo>
                  <a:pt x="2034" y="518"/>
                  <a:pt x="2028" y="512"/>
                  <a:pt x="2021" y="512"/>
                </a:cubicBezTo>
                <a:cubicBezTo>
                  <a:pt x="2014" y="512"/>
                  <a:pt x="2008" y="518"/>
                  <a:pt x="2008" y="525"/>
                </a:cubicBezTo>
                <a:cubicBezTo>
                  <a:pt x="2008" y="532"/>
                  <a:pt x="2014" y="538"/>
                  <a:pt x="2021" y="538"/>
                </a:cubicBezTo>
                <a:close/>
                <a:moveTo>
                  <a:pt x="2060" y="538"/>
                </a:moveTo>
                <a:cubicBezTo>
                  <a:pt x="2067" y="538"/>
                  <a:pt x="2073" y="532"/>
                  <a:pt x="2073" y="525"/>
                </a:cubicBezTo>
                <a:cubicBezTo>
                  <a:pt x="2073" y="518"/>
                  <a:pt x="2067" y="512"/>
                  <a:pt x="2060" y="512"/>
                </a:cubicBezTo>
                <a:cubicBezTo>
                  <a:pt x="2053" y="512"/>
                  <a:pt x="2048" y="518"/>
                  <a:pt x="2048" y="525"/>
                </a:cubicBezTo>
                <a:cubicBezTo>
                  <a:pt x="2048" y="532"/>
                  <a:pt x="2053" y="538"/>
                  <a:pt x="2060" y="538"/>
                </a:cubicBezTo>
                <a:close/>
                <a:moveTo>
                  <a:pt x="2100" y="538"/>
                </a:moveTo>
                <a:cubicBezTo>
                  <a:pt x="2107" y="538"/>
                  <a:pt x="2112" y="532"/>
                  <a:pt x="2112" y="525"/>
                </a:cubicBezTo>
                <a:cubicBezTo>
                  <a:pt x="2112" y="518"/>
                  <a:pt x="2107" y="512"/>
                  <a:pt x="2100" y="512"/>
                </a:cubicBezTo>
                <a:cubicBezTo>
                  <a:pt x="2093" y="512"/>
                  <a:pt x="2087" y="518"/>
                  <a:pt x="2087" y="525"/>
                </a:cubicBezTo>
                <a:cubicBezTo>
                  <a:pt x="2087" y="532"/>
                  <a:pt x="2093" y="538"/>
                  <a:pt x="2100" y="538"/>
                </a:cubicBezTo>
                <a:close/>
                <a:moveTo>
                  <a:pt x="2139" y="538"/>
                </a:moveTo>
                <a:cubicBezTo>
                  <a:pt x="2146" y="538"/>
                  <a:pt x="2152" y="532"/>
                  <a:pt x="2152" y="525"/>
                </a:cubicBezTo>
                <a:cubicBezTo>
                  <a:pt x="2152" y="518"/>
                  <a:pt x="2146" y="512"/>
                  <a:pt x="2139" y="512"/>
                </a:cubicBezTo>
                <a:cubicBezTo>
                  <a:pt x="2132" y="512"/>
                  <a:pt x="2126" y="518"/>
                  <a:pt x="2126" y="525"/>
                </a:cubicBezTo>
                <a:cubicBezTo>
                  <a:pt x="2126" y="532"/>
                  <a:pt x="2132" y="538"/>
                  <a:pt x="2139" y="538"/>
                </a:cubicBezTo>
                <a:close/>
                <a:moveTo>
                  <a:pt x="2179" y="538"/>
                </a:moveTo>
                <a:cubicBezTo>
                  <a:pt x="2186" y="538"/>
                  <a:pt x="2191" y="532"/>
                  <a:pt x="2191" y="525"/>
                </a:cubicBezTo>
                <a:cubicBezTo>
                  <a:pt x="2191" y="518"/>
                  <a:pt x="2186" y="512"/>
                  <a:pt x="2179" y="512"/>
                </a:cubicBezTo>
                <a:cubicBezTo>
                  <a:pt x="2171" y="512"/>
                  <a:pt x="2166" y="518"/>
                  <a:pt x="2166" y="525"/>
                </a:cubicBezTo>
                <a:cubicBezTo>
                  <a:pt x="2166" y="532"/>
                  <a:pt x="2171" y="538"/>
                  <a:pt x="2179" y="538"/>
                </a:cubicBezTo>
                <a:close/>
                <a:moveTo>
                  <a:pt x="2218" y="538"/>
                </a:moveTo>
                <a:cubicBezTo>
                  <a:pt x="2225" y="538"/>
                  <a:pt x="2231" y="532"/>
                  <a:pt x="2231" y="525"/>
                </a:cubicBezTo>
                <a:cubicBezTo>
                  <a:pt x="2231" y="518"/>
                  <a:pt x="2225" y="512"/>
                  <a:pt x="2218" y="512"/>
                </a:cubicBezTo>
                <a:cubicBezTo>
                  <a:pt x="2211" y="512"/>
                  <a:pt x="2205" y="518"/>
                  <a:pt x="2205" y="525"/>
                </a:cubicBezTo>
                <a:cubicBezTo>
                  <a:pt x="2205" y="532"/>
                  <a:pt x="2211" y="538"/>
                  <a:pt x="2218" y="538"/>
                </a:cubicBezTo>
                <a:close/>
                <a:moveTo>
                  <a:pt x="2257" y="538"/>
                </a:moveTo>
                <a:cubicBezTo>
                  <a:pt x="2264" y="538"/>
                  <a:pt x="2270" y="532"/>
                  <a:pt x="2270" y="525"/>
                </a:cubicBezTo>
                <a:cubicBezTo>
                  <a:pt x="2270" y="518"/>
                  <a:pt x="2264" y="512"/>
                  <a:pt x="2257" y="512"/>
                </a:cubicBezTo>
                <a:cubicBezTo>
                  <a:pt x="2250" y="512"/>
                  <a:pt x="2245" y="518"/>
                  <a:pt x="2245" y="525"/>
                </a:cubicBezTo>
                <a:cubicBezTo>
                  <a:pt x="2245" y="532"/>
                  <a:pt x="2250" y="538"/>
                  <a:pt x="2257" y="538"/>
                </a:cubicBezTo>
                <a:close/>
                <a:moveTo>
                  <a:pt x="2297" y="538"/>
                </a:moveTo>
                <a:cubicBezTo>
                  <a:pt x="2304" y="538"/>
                  <a:pt x="2310" y="532"/>
                  <a:pt x="2310" y="525"/>
                </a:cubicBezTo>
                <a:cubicBezTo>
                  <a:pt x="2310" y="518"/>
                  <a:pt x="2304" y="512"/>
                  <a:pt x="2297" y="512"/>
                </a:cubicBezTo>
                <a:cubicBezTo>
                  <a:pt x="2290" y="512"/>
                  <a:pt x="2284" y="518"/>
                  <a:pt x="2284" y="525"/>
                </a:cubicBezTo>
                <a:cubicBezTo>
                  <a:pt x="2284" y="532"/>
                  <a:pt x="2290" y="538"/>
                  <a:pt x="2297" y="538"/>
                </a:cubicBezTo>
                <a:close/>
                <a:moveTo>
                  <a:pt x="2336" y="538"/>
                </a:moveTo>
                <a:cubicBezTo>
                  <a:pt x="2343" y="538"/>
                  <a:pt x="2349" y="532"/>
                  <a:pt x="2349" y="525"/>
                </a:cubicBezTo>
                <a:cubicBezTo>
                  <a:pt x="2349" y="518"/>
                  <a:pt x="2343" y="512"/>
                  <a:pt x="2336" y="512"/>
                </a:cubicBezTo>
                <a:cubicBezTo>
                  <a:pt x="2329" y="512"/>
                  <a:pt x="2323" y="518"/>
                  <a:pt x="2323" y="525"/>
                </a:cubicBezTo>
                <a:cubicBezTo>
                  <a:pt x="2323" y="532"/>
                  <a:pt x="2329" y="538"/>
                  <a:pt x="2336" y="538"/>
                </a:cubicBezTo>
                <a:close/>
                <a:moveTo>
                  <a:pt x="2376" y="538"/>
                </a:moveTo>
                <a:cubicBezTo>
                  <a:pt x="2383" y="538"/>
                  <a:pt x="2388" y="532"/>
                  <a:pt x="2388" y="525"/>
                </a:cubicBezTo>
                <a:cubicBezTo>
                  <a:pt x="2388" y="518"/>
                  <a:pt x="2383" y="512"/>
                  <a:pt x="2376" y="512"/>
                </a:cubicBezTo>
                <a:cubicBezTo>
                  <a:pt x="2369" y="512"/>
                  <a:pt x="2363" y="518"/>
                  <a:pt x="2363" y="525"/>
                </a:cubicBezTo>
                <a:cubicBezTo>
                  <a:pt x="2363" y="532"/>
                  <a:pt x="2369" y="538"/>
                  <a:pt x="2376" y="538"/>
                </a:cubicBezTo>
                <a:close/>
                <a:moveTo>
                  <a:pt x="2415" y="538"/>
                </a:moveTo>
                <a:cubicBezTo>
                  <a:pt x="2422" y="538"/>
                  <a:pt x="2428" y="532"/>
                  <a:pt x="2428" y="525"/>
                </a:cubicBezTo>
                <a:cubicBezTo>
                  <a:pt x="2428" y="518"/>
                  <a:pt x="2422" y="512"/>
                  <a:pt x="2415" y="512"/>
                </a:cubicBezTo>
                <a:cubicBezTo>
                  <a:pt x="2408" y="512"/>
                  <a:pt x="2402" y="518"/>
                  <a:pt x="2402" y="525"/>
                </a:cubicBezTo>
                <a:cubicBezTo>
                  <a:pt x="2402" y="532"/>
                  <a:pt x="2408" y="538"/>
                  <a:pt x="2415" y="538"/>
                </a:cubicBezTo>
                <a:close/>
                <a:moveTo>
                  <a:pt x="2455" y="538"/>
                </a:moveTo>
                <a:cubicBezTo>
                  <a:pt x="2462" y="538"/>
                  <a:pt x="2467" y="532"/>
                  <a:pt x="2467" y="525"/>
                </a:cubicBezTo>
                <a:cubicBezTo>
                  <a:pt x="2467" y="518"/>
                  <a:pt x="2462" y="512"/>
                  <a:pt x="2455" y="512"/>
                </a:cubicBezTo>
                <a:cubicBezTo>
                  <a:pt x="2447" y="512"/>
                  <a:pt x="2442" y="518"/>
                  <a:pt x="2442" y="525"/>
                </a:cubicBezTo>
                <a:cubicBezTo>
                  <a:pt x="2442" y="532"/>
                  <a:pt x="2447" y="538"/>
                  <a:pt x="2455" y="538"/>
                </a:cubicBezTo>
                <a:close/>
                <a:moveTo>
                  <a:pt x="2494" y="538"/>
                </a:moveTo>
                <a:cubicBezTo>
                  <a:pt x="2501" y="538"/>
                  <a:pt x="2507" y="532"/>
                  <a:pt x="2507" y="525"/>
                </a:cubicBezTo>
                <a:cubicBezTo>
                  <a:pt x="2507" y="518"/>
                  <a:pt x="2501" y="512"/>
                  <a:pt x="2494" y="512"/>
                </a:cubicBezTo>
                <a:cubicBezTo>
                  <a:pt x="2487" y="512"/>
                  <a:pt x="2481" y="518"/>
                  <a:pt x="2481" y="525"/>
                </a:cubicBezTo>
                <a:cubicBezTo>
                  <a:pt x="2481" y="532"/>
                  <a:pt x="2487" y="538"/>
                  <a:pt x="2494" y="538"/>
                </a:cubicBezTo>
                <a:close/>
                <a:moveTo>
                  <a:pt x="2533" y="538"/>
                </a:moveTo>
                <a:cubicBezTo>
                  <a:pt x="2540" y="538"/>
                  <a:pt x="2546" y="532"/>
                  <a:pt x="2546" y="525"/>
                </a:cubicBezTo>
                <a:cubicBezTo>
                  <a:pt x="2546" y="518"/>
                  <a:pt x="2540" y="512"/>
                  <a:pt x="2533" y="512"/>
                </a:cubicBezTo>
                <a:cubicBezTo>
                  <a:pt x="2526" y="512"/>
                  <a:pt x="2521" y="518"/>
                  <a:pt x="2521" y="525"/>
                </a:cubicBezTo>
                <a:cubicBezTo>
                  <a:pt x="2521" y="532"/>
                  <a:pt x="2526" y="538"/>
                  <a:pt x="2533" y="538"/>
                </a:cubicBezTo>
                <a:close/>
                <a:moveTo>
                  <a:pt x="2573" y="538"/>
                </a:moveTo>
                <a:cubicBezTo>
                  <a:pt x="2580" y="538"/>
                  <a:pt x="2586" y="532"/>
                  <a:pt x="2586" y="525"/>
                </a:cubicBezTo>
                <a:cubicBezTo>
                  <a:pt x="2586" y="518"/>
                  <a:pt x="2580" y="512"/>
                  <a:pt x="2573" y="512"/>
                </a:cubicBezTo>
                <a:cubicBezTo>
                  <a:pt x="2566" y="512"/>
                  <a:pt x="2560" y="518"/>
                  <a:pt x="2560" y="525"/>
                </a:cubicBezTo>
                <a:cubicBezTo>
                  <a:pt x="2560" y="532"/>
                  <a:pt x="2566" y="538"/>
                  <a:pt x="2573" y="538"/>
                </a:cubicBezTo>
                <a:close/>
                <a:moveTo>
                  <a:pt x="2612" y="538"/>
                </a:moveTo>
                <a:cubicBezTo>
                  <a:pt x="2619" y="538"/>
                  <a:pt x="2625" y="532"/>
                  <a:pt x="2625" y="525"/>
                </a:cubicBezTo>
                <a:cubicBezTo>
                  <a:pt x="2625" y="518"/>
                  <a:pt x="2619" y="512"/>
                  <a:pt x="2612" y="512"/>
                </a:cubicBezTo>
                <a:cubicBezTo>
                  <a:pt x="2605" y="512"/>
                  <a:pt x="2599" y="518"/>
                  <a:pt x="2599" y="525"/>
                </a:cubicBezTo>
                <a:cubicBezTo>
                  <a:pt x="2599" y="532"/>
                  <a:pt x="2605" y="538"/>
                  <a:pt x="2612" y="538"/>
                </a:cubicBezTo>
                <a:close/>
                <a:moveTo>
                  <a:pt x="2652" y="538"/>
                </a:moveTo>
                <a:cubicBezTo>
                  <a:pt x="2659" y="538"/>
                  <a:pt x="2664" y="532"/>
                  <a:pt x="2664" y="525"/>
                </a:cubicBezTo>
                <a:cubicBezTo>
                  <a:pt x="2664" y="518"/>
                  <a:pt x="2659" y="512"/>
                  <a:pt x="2652" y="512"/>
                </a:cubicBezTo>
                <a:cubicBezTo>
                  <a:pt x="2645" y="512"/>
                  <a:pt x="2639" y="518"/>
                  <a:pt x="2639" y="525"/>
                </a:cubicBezTo>
                <a:cubicBezTo>
                  <a:pt x="2639" y="532"/>
                  <a:pt x="2645" y="538"/>
                  <a:pt x="2652" y="538"/>
                </a:cubicBezTo>
                <a:close/>
                <a:moveTo>
                  <a:pt x="2691" y="538"/>
                </a:moveTo>
                <a:cubicBezTo>
                  <a:pt x="2698" y="538"/>
                  <a:pt x="2704" y="532"/>
                  <a:pt x="2704" y="525"/>
                </a:cubicBezTo>
                <a:cubicBezTo>
                  <a:pt x="2704" y="518"/>
                  <a:pt x="2698" y="512"/>
                  <a:pt x="2691" y="512"/>
                </a:cubicBezTo>
                <a:cubicBezTo>
                  <a:pt x="2684" y="512"/>
                  <a:pt x="2678" y="518"/>
                  <a:pt x="2678" y="525"/>
                </a:cubicBezTo>
                <a:cubicBezTo>
                  <a:pt x="2678" y="532"/>
                  <a:pt x="2684" y="538"/>
                  <a:pt x="2691" y="538"/>
                </a:cubicBezTo>
                <a:close/>
                <a:moveTo>
                  <a:pt x="2730" y="538"/>
                </a:moveTo>
                <a:cubicBezTo>
                  <a:pt x="2738" y="538"/>
                  <a:pt x="2743" y="532"/>
                  <a:pt x="2743" y="525"/>
                </a:cubicBezTo>
                <a:cubicBezTo>
                  <a:pt x="2743" y="518"/>
                  <a:pt x="2738" y="512"/>
                  <a:pt x="2730" y="512"/>
                </a:cubicBezTo>
                <a:cubicBezTo>
                  <a:pt x="2723" y="512"/>
                  <a:pt x="2718" y="518"/>
                  <a:pt x="2718" y="525"/>
                </a:cubicBezTo>
                <a:cubicBezTo>
                  <a:pt x="2718" y="532"/>
                  <a:pt x="2723" y="538"/>
                  <a:pt x="2730" y="538"/>
                </a:cubicBezTo>
                <a:close/>
                <a:moveTo>
                  <a:pt x="2770" y="538"/>
                </a:moveTo>
                <a:cubicBezTo>
                  <a:pt x="2777" y="538"/>
                  <a:pt x="2783" y="532"/>
                  <a:pt x="2783" y="525"/>
                </a:cubicBezTo>
                <a:cubicBezTo>
                  <a:pt x="2783" y="518"/>
                  <a:pt x="2777" y="512"/>
                  <a:pt x="2770" y="512"/>
                </a:cubicBezTo>
                <a:cubicBezTo>
                  <a:pt x="2763" y="512"/>
                  <a:pt x="2757" y="518"/>
                  <a:pt x="2757" y="525"/>
                </a:cubicBezTo>
                <a:cubicBezTo>
                  <a:pt x="2757" y="532"/>
                  <a:pt x="2763" y="538"/>
                  <a:pt x="2770" y="538"/>
                </a:cubicBezTo>
                <a:close/>
                <a:moveTo>
                  <a:pt x="2809" y="538"/>
                </a:moveTo>
                <a:cubicBezTo>
                  <a:pt x="2816" y="538"/>
                  <a:pt x="2822" y="532"/>
                  <a:pt x="2822" y="525"/>
                </a:cubicBezTo>
                <a:cubicBezTo>
                  <a:pt x="2822" y="518"/>
                  <a:pt x="2816" y="512"/>
                  <a:pt x="2809" y="512"/>
                </a:cubicBezTo>
                <a:cubicBezTo>
                  <a:pt x="2802" y="512"/>
                  <a:pt x="2797" y="518"/>
                  <a:pt x="2797" y="525"/>
                </a:cubicBezTo>
                <a:cubicBezTo>
                  <a:pt x="2797" y="532"/>
                  <a:pt x="2802" y="538"/>
                  <a:pt x="2809" y="538"/>
                </a:cubicBezTo>
                <a:close/>
                <a:moveTo>
                  <a:pt x="2849" y="538"/>
                </a:moveTo>
                <a:cubicBezTo>
                  <a:pt x="2856" y="538"/>
                  <a:pt x="2861" y="532"/>
                  <a:pt x="2861" y="525"/>
                </a:cubicBezTo>
                <a:cubicBezTo>
                  <a:pt x="2861" y="518"/>
                  <a:pt x="2856" y="512"/>
                  <a:pt x="2849" y="512"/>
                </a:cubicBezTo>
                <a:cubicBezTo>
                  <a:pt x="2842" y="512"/>
                  <a:pt x="2836" y="518"/>
                  <a:pt x="2836" y="525"/>
                </a:cubicBezTo>
                <a:cubicBezTo>
                  <a:pt x="2836" y="532"/>
                  <a:pt x="2842" y="538"/>
                  <a:pt x="2849" y="538"/>
                </a:cubicBezTo>
                <a:close/>
                <a:moveTo>
                  <a:pt x="2888" y="538"/>
                </a:moveTo>
                <a:cubicBezTo>
                  <a:pt x="2895" y="538"/>
                  <a:pt x="2901" y="532"/>
                  <a:pt x="2901" y="525"/>
                </a:cubicBezTo>
                <a:cubicBezTo>
                  <a:pt x="2901" y="518"/>
                  <a:pt x="2895" y="512"/>
                  <a:pt x="2888" y="512"/>
                </a:cubicBezTo>
                <a:cubicBezTo>
                  <a:pt x="2881" y="512"/>
                  <a:pt x="2875" y="518"/>
                  <a:pt x="2875" y="525"/>
                </a:cubicBezTo>
                <a:cubicBezTo>
                  <a:pt x="2875" y="532"/>
                  <a:pt x="2881" y="538"/>
                  <a:pt x="2888" y="538"/>
                </a:cubicBezTo>
                <a:close/>
                <a:moveTo>
                  <a:pt x="2928" y="538"/>
                </a:moveTo>
                <a:cubicBezTo>
                  <a:pt x="2935" y="538"/>
                  <a:pt x="2940" y="532"/>
                  <a:pt x="2940" y="525"/>
                </a:cubicBezTo>
                <a:cubicBezTo>
                  <a:pt x="2940" y="518"/>
                  <a:pt x="2935" y="512"/>
                  <a:pt x="2928" y="512"/>
                </a:cubicBezTo>
                <a:cubicBezTo>
                  <a:pt x="2921" y="512"/>
                  <a:pt x="2915" y="518"/>
                  <a:pt x="2915" y="525"/>
                </a:cubicBezTo>
                <a:cubicBezTo>
                  <a:pt x="2915" y="532"/>
                  <a:pt x="2921" y="538"/>
                  <a:pt x="2928" y="538"/>
                </a:cubicBezTo>
                <a:close/>
                <a:moveTo>
                  <a:pt x="2967" y="538"/>
                </a:moveTo>
                <a:cubicBezTo>
                  <a:pt x="2974" y="538"/>
                  <a:pt x="2980" y="532"/>
                  <a:pt x="2980" y="525"/>
                </a:cubicBezTo>
                <a:cubicBezTo>
                  <a:pt x="2980" y="518"/>
                  <a:pt x="2974" y="512"/>
                  <a:pt x="2967" y="512"/>
                </a:cubicBezTo>
                <a:cubicBezTo>
                  <a:pt x="2960" y="512"/>
                  <a:pt x="2954" y="518"/>
                  <a:pt x="2954" y="525"/>
                </a:cubicBezTo>
                <a:cubicBezTo>
                  <a:pt x="2954" y="532"/>
                  <a:pt x="2960" y="538"/>
                  <a:pt x="2967" y="538"/>
                </a:cubicBezTo>
                <a:close/>
                <a:moveTo>
                  <a:pt x="3006" y="538"/>
                </a:moveTo>
                <a:cubicBezTo>
                  <a:pt x="3013" y="538"/>
                  <a:pt x="3019" y="532"/>
                  <a:pt x="3019" y="525"/>
                </a:cubicBezTo>
                <a:cubicBezTo>
                  <a:pt x="3019" y="518"/>
                  <a:pt x="3013" y="512"/>
                  <a:pt x="3006" y="512"/>
                </a:cubicBezTo>
                <a:cubicBezTo>
                  <a:pt x="2999" y="512"/>
                  <a:pt x="2994" y="518"/>
                  <a:pt x="2994" y="525"/>
                </a:cubicBezTo>
                <a:cubicBezTo>
                  <a:pt x="2994" y="532"/>
                  <a:pt x="2999" y="538"/>
                  <a:pt x="3006" y="538"/>
                </a:cubicBezTo>
                <a:close/>
                <a:moveTo>
                  <a:pt x="3046" y="538"/>
                </a:moveTo>
                <a:cubicBezTo>
                  <a:pt x="3053" y="538"/>
                  <a:pt x="3059" y="532"/>
                  <a:pt x="3059" y="525"/>
                </a:cubicBezTo>
                <a:cubicBezTo>
                  <a:pt x="3059" y="518"/>
                  <a:pt x="3053" y="512"/>
                  <a:pt x="3046" y="512"/>
                </a:cubicBezTo>
                <a:cubicBezTo>
                  <a:pt x="3039" y="512"/>
                  <a:pt x="3033" y="518"/>
                  <a:pt x="3033" y="525"/>
                </a:cubicBezTo>
                <a:cubicBezTo>
                  <a:pt x="3033" y="532"/>
                  <a:pt x="3039" y="538"/>
                  <a:pt x="3046" y="538"/>
                </a:cubicBezTo>
                <a:close/>
                <a:moveTo>
                  <a:pt x="3085" y="538"/>
                </a:moveTo>
                <a:cubicBezTo>
                  <a:pt x="3092" y="538"/>
                  <a:pt x="3098" y="532"/>
                  <a:pt x="3098" y="525"/>
                </a:cubicBezTo>
                <a:cubicBezTo>
                  <a:pt x="3098" y="518"/>
                  <a:pt x="3092" y="512"/>
                  <a:pt x="3085" y="512"/>
                </a:cubicBezTo>
                <a:cubicBezTo>
                  <a:pt x="3078" y="512"/>
                  <a:pt x="3073" y="518"/>
                  <a:pt x="3073" y="525"/>
                </a:cubicBezTo>
                <a:cubicBezTo>
                  <a:pt x="3073" y="532"/>
                  <a:pt x="3078" y="538"/>
                  <a:pt x="3085" y="538"/>
                </a:cubicBezTo>
                <a:close/>
                <a:moveTo>
                  <a:pt x="3282" y="512"/>
                </a:moveTo>
                <a:cubicBezTo>
                  <a:pt x="3275" y="512"/>
                  <a:pt x="3270" y="518"/>
                  <a:pt x="3270" y="525"/>
                </a:cubicBezTo>
                <a:cubicBezTo>
                  <a:pt x="3270" y="532"/>
                  <a:pt x="3275" y="538"/>
                  <a:pt x="3282" y="538"/>
                </a:cubicBezTo>
                <a:cubicBezTo>
                  <a:pt x="3289" y="538"/>
                  <a:pt x="3295" y="532"/>
                  <a:pt x="3295" y="525"/>
                </a:cubicBezTo>
                <a:cubicBezTo>
                  <a:pt x="3295" y="518"/>
                  <a:pt x="3289" y="512"/>
                  <a:pt x="3282" y="512"/>
                </a:cubicBezTo>
                <a:close/>
                <a:moveTo>
                  <a:pt x="444" y="577"/>
                </a:moveTo>
                <a:cubicBezTo>
                  <a:pt x="451" y="577"/>
                  <a:pt x="457" y="572"/>
                  <a:pt x="457" y="565"/>
                </a:cubicBezTo>
                <a:cubicBezTo>
                  <a:pt x="457" y="558"/>
                  <a:pt x="451" y="552"/>
                  <a:pt x="444" y="552"/>
                </a:cubicBezTo>
                <a:cubicBezTo>
                  <a:pt x="437" y="552"/>
                  <a:pt x="431" y="558"/>
                  <a:pt x="431" y="565"/>
                </a:cubicBezTo>
                <a:cubicBezTo>
                  <a:pt x="431" y="572"/>
                  <a:pt x="437" y="577"/>
                  <a:pt x="444" y="577"/>
                </a:cubicBezTo>
                <a:close/>
                <a:moveTo>
                  <a:pt x="483" y="577"/>
                </a:moveTo>
                <a:cubicBezTo>
                  <a:pt x="490" y="577"/>
                  <a:pt x="496" y="572"/>
                  <a:pt x="496" y="565"/>
                </a:cubicBezTo>
                <a:cubicBezTo>
                  <a:pt x="496" y="558"/>
                  <a:pt x="490" y="552"/>
                  <a:pt x="483" y="552"/>
                </a:cubicBezTo>
                <a:cubicBezTo>
                  <a:pt x="476" y="552"/>
                  <a:pt x="471" y="558"/>
                  <a:pt x="471" y="565"/>
                </a:cubicBezTo>
                <a:cubicBezTo>
                  <a:pt x="471" y="572"/>
                  <a:pt x="476" y="577"/>
                  <a:pt x="483" y="577"/>
                </a:cubicBezTo>
                <a:close/>
                <a:moveTo>
                  <a:pt x="523" y="577"/>
                </a:moveTo>
                <a:cubicBezTo>
                  <a:pt x="530" y="577"/>
                  <a:pt x="535" y="572"/>
                  <a:pt x="535" y="565"/>
                </a:cubicBezTo>
                <a:cubicBezTo>
                  <a:pt x="535" y="558"/>
                  <a:pt x="530" y="552"/>
                  <a:pt x="523" y="552"/>
                </a:cubicBezTo>
                <a:cubicBezTo>
                  <a:pt x="516" y="552"/>
                  <a:pt x="510" y="558"/>
                  <a:pt x="510" y="565"/>
                </a:cubicBezTo>
                <a:cubicBezTo>
                  <a:pt x="510" y="572"/>
                  <a:pt x="516" y="577"/>
                  <a:pt x="523" y="577"/>
                </a:cubicBezTo>
                <a:close/>
                <a:moveTo>
                  <a:pt x="562" y="577"/>
                </a:moveTo>
                <a:cubicBezTo>
                  <a:pt x="569" y="577"/>
                  <a:pt x="575" y="572"/>
                  <a:pt x="575" y="565"/>
                </a:cubicBezTo>
                <a:cubicBezTo>
                  <a:pt x="575" y="558"/>
                  <a:pt x="569" y="552"/>
                  <a:pt x="562" y="552"/>
                </a:cubicBezTo>
                <a:cubicBezTo>
                  <a:pt x="555" y="552"/>
                  <a:pt x="549" y="558"/>
                  <a:pt x="549" y="565"/>
                </a:cubicBezTo>
                <a:cubicBezTo>
                  <a:pt x="549" y="572"/>
                  <a:pt x="555" y="577"/>
                  <a:pt x="562" y="577"/>
                </a:cubicBezTo>
                <a:close/>
                <a:moveTo>
                  <a:pt x="602" y="577"/>
                </a:moveTo>
                <a:cubicBezTo>
                  <a:pt x="609" y="577"/>
                  <a:pt x="614" y="572"/>
                  <a:pt x="614" y="565"/>
                </a:cubicBezTo>
                <a:cubicBezTo>
                  <a:pt x="614" y="558"/>
                  <a:pt x="609" y="552"/>
                  <a:pt x="602" y="552"/>
                </a:cubicBezTo>
                <a:cubicBezTo>
                  <a:pt x="595" y="552"/>
                  <a:pt x="589" y="558"/>
                  <a:pt x="589" y="565"/>
                </a:cubicBezTo>
                <a:cubicBezTo>
                  <a:pt x="589" y="572"/>
                  <a:pt x="595" y="577"/>
                  <a:pt x="602" y="577"/>
                </a:cubicBezTo>
                <a:close/>
                <a:moveTo>
                  <a:pt x="641" y="577"/>
                </a:moveTo>
                <a:cubicBezTo>
                  <a:pt x="648" y="577"/>
                  <a:pt x="654" y="572"/>
                  <a:pt x="654" y="565"/>
                </a:cubicBezTo>
                <a:cubicBezTo>
                  <a:pt x="654" y="558"/>
                  <a:pt x="648" y="552"/>
                  <a:pt x="641" y="552"/>
                </a:cubicBezTo>
                <a:cubicBezTo>
                  <a:pt x="634" y="552"/>
                  <a:pt x="628" y="558"/>
                  <a:pt x="628" y="565"/>
                </a:cubicBezTo>
                <a:cubicBezTo>
                  <a:pt x="628" y="572"/>
                  <a:pt x="634" y="577"/>
                  <a:pt x="641" y="577"/>
                </a:cubicBezTo>
                <a:close/>
                <a:moveTo>
                  <a:pt x="680" y="577"/>
                </a:moveTo>
                <a:cubicBezTo>
                  <a:pt x="687" y="577"/>
                  <a:pt x="693" y="572"/>
                  <a:pt x="693" y="565"/>
                </a:cubicBezTo>
                <a:cubicBezTo>
                  <a:pt x="693" y="558"/>
                  <a:pt x="687" y="552"/>
                  <a:pt x="680" y="552"/>
                </a:cubicBezTo>
                <a:cubicBezTo>
                  <a:pt x="673" y="552"/>
                  <a:pt x="668" y="558"/>
                  <a:pt x="668" y="565"/>
                </a:cubicBezTo>
                <a:cubicBezTo>
                  <a:pt x="668" y="572"/>
                  <a:pt x="673" y="577"/>
                  <a:pt x="680" y="577"/>
                </a:cubicBezTo>
                <a:close/>
                <a:moveTo>
                  <a:pt x="720" y="577"/>
                </a:moveTo>
                <a:cubicBezTo>
                  <a:pt x="727" y="577"/>
                  <a:pt x="733" y="572"/>
                  <a:pt x="733" y="565"/>
                </a:cubicBezTo>
                <a:cubicBezTo>
                  <a:pt x="733" y="558"/>
                  <a:pt x="727" y="552"/>
                  <a:pt x="720" y="552"/>
                </a:cubicBezTo>
                <a:cubicBezTo>
                  <a:pt x="713" y="552"/>
                  <a:pt x="707" y="558"/>
                  <a:pt x="707" y="565"/>
                </a:cubicBezTo>
                <a:cubicBezTo>
                  <a:pt x="707" y="572"/>
                  <a:pt x="713" y="577"/>
                  <a:pt x="720" y="577"/>
                </a:cubicBezTo>
                <a:close/>
                <a:moveTo>
                  <a:pt x="759" y="577"/>
                </a:moveTo>
                <a:cubicBezTo>
                  <a:pt x="766" y="577"/>
                  <a:pt x="772" y="572"/>
                  <a:pt x="772" y="565"/>
                </a:cubicBezTo>
                <a:cubicBezTo>
                  <a:pt x="772" y="558"/>
                  <a:pt x="766" y="552"/>
                  <a:pt x="759" y="552"/>
                </a:cubicBezTo>
                <a:cubicBezTo>
                  <a:pt x="752" y="552"/>
                  <a:pt x="747" y="558"/>
                  <a:pt x="747" y="565"/>
                </a:cubicBezTo>
                <a:cubicBezTo>
                  <a:pt x="747" y="572"/>
                  <a:pt x="752" y="577"/>
                  <a:pt x="759" y="577"/>
                </a:cubicBezTo>
                <a:close/>
                <a:moveTo>
                  <a:pt x="799" y="577"/>
                </a:moveTo>
                <a:cubicBezTo>
                  <a:pt x="806" y="577"/>
                  <a:pt x="811" y="572"/>
                  <a:pt x="811" y="565"/>
                </a:cubicBezTo>
                <a:cubicBezTo>
                  <a:pt x="811" y="558"/>
                  <a:pt x="806" y="552"/>
                  <a:pt x="799" y="552"/>
                </a:cubicBezTo>
                <a:cubicBezTo>
                  <a:pt x="792" y="552"/>
                  <a:pt x="786" y="558"/>
                  <a:pt x="786" y="565"/>
                </a:cubicBezTo>
                <a:cubicBezTo>
                  <a:pt x="786" y="572"/>
                  <a:pt x="792" y="577"/>
                  <a:pt x="799" y="577"/>
                </a:cubicBezTo>
                <a:close/>
                <a:moveTo>
                  <a:pt x="838" y="577"/>
                </a:moveTo>
                <a:cubicBezTo>
                  <a:pt x="845" y="577"/>
                  <a:pt x="851" y="572"/>
                  <a:pt x="851" y="565"/>
                </a:cubicBezTo>
                <a:cubicBezTo>
                  <a:pt x="851" y="558"/>
                  <a:pt x="845" y="552"/>
                  <a:pt x="838" y="552"/>
                </a:cubicBezTo>
                <a:cubicBezTo>
                  <a:pt x="831" y="552"/>
                  <a:pt x="825" y="558"/>
                  <a:pt x="825" y="565"/>
                </a:cubicBezTo>
                <a:cubicBezTo>
                  <a:pt x="825" y="572"/>
                  <a:pt x="831" y="577"/>
                  <a:pt x="838" y="577"/>
                </a:cubicBezTo>
                <a:close/>
                <a:moveTo>
                  <a:pt x="878" y="577"/>
                </a:moveTo>
                <a:cubicBezTo>
                  <a:pt x="885" y="577"/>
                  <a:pt x="890" y="572"/>
                  <a:pt x="890" y="565"/>
                </a:cubicBezTo>
                <a:cubicBezTo>
                  <a:pt x="890" y="558"/>
                  <a:pt x="885" y="552"/>
                  <a:pt x="878" y="552"/>
                </a:cubicBezTo>
                <a:cubicBezTo>
                  <a:pt x="871" y="552"/>
                  <a:pt x="865" y="558"/>
                  <a:pt x="865" y="565"/>
                </a:cubicBezTo>
                <a:cubicBezTo>
                  <a:pt x="865" y="572"/>
                  <a:pt x="871" y="577"/>
                  <a:pt x="878" y="577"/>
                </a:cubicBezTo>
                <a:close/>
                <a:moveTo>
                  <a:pt x="917" y="577"/>
                </a:moveTo>
                <a:cubicBezTo>
                  <a:pt x="924" y="577"/>
                  <a:pt x="930" y="572"/>
                  <a:pt x="930" y="565"/>
                </a:cubicBezTo>
                <a:cubicBezTo>
                  <a:pt x="930" y="558"/>
                  <a:pt x="924" y="552"/>
                  <a:pt x="917" y="552"/>
                </a:cubicBezTo>
                <a:cubicBezTo>
                  <a:pt x="910" y="552"/>
                  <a:pt x="904" y="558"/>
                  <a:pt x="904" y="565"/>
                </a:cubicBezTo>
                <a:cubicBezTo>
                  <a:pt x="904" y="572"/>
                  <a:pt x="910" y="577"/>
                  <a:pt x="917" y="577"/>
                </a:cubicBezTo>
                <a:close/>
                <a:moveTo>
                  <a:pt x="956" y="577"/>
                </a:moveTo>
                <a:cubicBezTo>
                  <a:pt x="963" y="577"/>
                  <a:pt x="969" y="572"/>
                  <a:pt x="969" y="565"/>
                </a:cubicBezTo>
                <a:cubicBezTo>
                  <a:pt x="969" y="558"/>
                  <a:pt x="963" y="552"/>
                  <a:pt x="956" y="552"/>
                </a:cubicBezTo>
                <a:cubicBezTo>
                  <a:pt x="949" y="552"/>
                  <a:pt x="944" y="558"/>
                  <a:pt x="944" y="565"/>
                </a:cubicBezTo>
                <a:cubicBezTo>
                  <a:pt x="944" y="572"/>
                  <a:pt x="949" y="577"/>
                  <a:pt x="956" y="577"/>
                </a:cubicBezTo>
                <a:close/>
                <a:moveTo>
                  <a:pt x="996" y="577"/>
                </a:moveTo>
                <a:cubicBezTo>
                  <a:pt x="1003" y="577"/>
                  <a:pt x="1009" y="572"/>
                  <a:pt x="1009" y="565"/>
                </a:cubicBezTo>
                <a:cubicBezTo>
                  <a:pt x="1009" y="558"/>
                  <a:pt x="1003" y="552"/>
                  <a:pt x="996" y="552"/>
                </a:cubicBezTo>
                <a:cubicBezTo>
                  <a:pt x="989" y="552"/>
                  <a:pt x="983" y="558"/>
                  <a:pt x="983" y="565"/>
                </a:cubicBezTo>
                <a:cubicBezTo>
                  <a:pt x="983" y="572"/>
                  <a:pt x="989" y="577"/>
                  <a:pt x="996" y="577"/>
                </a:cubicBezTo>
                <a:close/>
                <a:moveTo>
                  <a:pt x="1035" y="577"/>
                </a:moveTo>
                <a:cubicBezTo>
                  <a:pt x="1042" y="577"/>
                  <a:pt x="1048" y="572"/>
                  <a:pt x="1048" y="565"/>
                </a:cubicBezTo>
                <a:cubicBezTo>
                  <a:pt x="1048" y="558"/>
                  <a:pt x="1042" y="552"/>
                  <a:pt x="1035" y="552"/>
                </a:cubicBezTo>
                <a:cubicBezTo>
                  <a:pt x="1028" y="552"/>
                  <a:pt x="1022" y="558"/>
                  <a:pt x="1022" y="565"/>
                </a:cubicBezTo>
                <a:cubicBezTo>
                  <a:pt x="1022" y="572"/>
                  <a:pt x="1028" y="577"/>
                  <a:pt x="1035" y="577"/>
                </a:cubicBezTo>
                <a:close/>
                <a:moveTo>
                  <a:pt x="1075" y="577"/>
                </a:moveTo>
                <a:cubicBezTo>
                  <a:pt x="1082" y="577"/>
                  <a:pt x="1087" y="572"/>
                  <a:pt x="1087" y="565"/>
                </a:cubicBezTo>
                <a:cubicBezTo>
                  <a:pt x="1087" y="558"/>
                  <a:pt x="1082" y="552"/>
                  <a:pt x="1075" y="552"/>
                </a:cubicBezTo>
                <a:cubicBezTo>
                  <a:pt x="1068" y="552"/>
                  <a:pt x="1062" y="558"/>
                  <a:pt x="1062" y="565"/>
                </a:cubicBezTo>
                <a:cubicBezTo>
                  <a:pt x="1062" y="572"/>
                  <a:pt x="1068" y="577"/>
                  <a:pt x="1075" y="577"/>
                </a:cubicBezTo>
                <a:close/>
                <a:moveTo>
                  <a:pt x="1666" y="577"/>
                </a:moveTo>
                <a:cubicBezTo>
                  <a:pt x="1673" y="577"/>
                  <a:pt x="1679" y="572"/>
                  <a:pt x="1679" y="565"/>
                </a:cubicBezTo>
                <a:cubicBezTo>
                  <a:pt x="1679" y="558"/>
                  <a:pt x="1673" y="552"/>
                  <a:pt x="1666" y="552"/>
                </a:cubicBezTo>
                <a:cubicBezTo>
                  <a:pt x="1659" y="552"/>
                  <a:pt x="1653" y="558"/>
                  <a:pt x="1653" y="565"/>
                </a:cubicBezTo>
                <a:cubicBezTo>
                  <a:pt x="1653" y="572"/>
                  <a:pt x="1659" y="577"/>
                  <a:pt x="1666" y="577"/>
                </a:cubicBezTo>
                <a:close/>
                <a:moveTo>
                  <a:pt x="1745" y="577"/>
                </a:moveTo>
                <a:cubicBezTo>
                  <a:pt x="1752" y="577"/>
                  <a:pt x="1758" y="572"/>
                  <a:pt x="1758" y="565"/>
                </a:cubicBezTo>
                <a:cubicBezTo>
                  <a:pt x="1758" y="558"/>
                  <a:pt x="1752" y="552"/>
                  <a:pt x="1745" y="552"/>
                </a:cubicBezTo>
                <a:cubicBezTo>
                  <a:pt x="1738" y="552"/>
                  <a:pt x="1732" y="558"/>
                  <a:pt x="1732" y="565"/>
                </a:cubicBezTo>
                <a:cubicBezTo>
                  <a:pt x="1732" y="572"/>
                  <a:pt x="1738" y="577"/>
                  <a:pt x="1745" y="577"/>
                </a:cubicBezTo>
                <a:close/>
                <a:moveTo>
                  <a:pt x="1784" y="577"/>
                </a:moveTo>
                <a:cubicBezTo>
                  <a:pt x="1791" y="577"/>
                  <a:pt x="1797" y="572"/>
                  <a:pt x="1797" y="565"/>
                </a:cubicBezTo>
                <a:cubicBezTo>
                  <a:pt x="1797" y="558"/>
                  <a:pt x="1791" y="552"/>
                  <a:pt x="1784" y="552"/>
                </a:cubicBezTo>
                <a:cubicBezTo>
                  <a:pt x="1777" y="552"/>
                  <a:pt x="1772" y="558"/>
                  <a:pt x="1772" y="565"/>
                </a:cubicBezTo>
                <a:cubicBezTo>
                  <a:pt x="1772" y="572"/>
                  <a:pt x="1777" y="577"/>
                  <a:pt x="1784" y="577"/>
                </a:cubicBezTo>
                <a:close/>
                <a:moveTo>
                  <a:pt x="1824" y="577"/>
                </a:moveTo>
                <a:cubicBezTo>
                  <a:pt x="1831" y="577"/>
                  <a:pt x="1836" y="572"/>
                  <a:pt x="1836" y="565"/>
                </a:cubicBezTo>
                <a:cubicBezTo>
                  <a:pt x="1836" y="558"/>
                  <a:pt x="1831" y="552"/>
                  <a:pt x="1824" y="552"/>
                </a:cubicBezTo>
                <a:cubicBezTo>
                  <a:pt x="1817" y="552"/>
                  <a:pt x="1811" y="558"/>
                  <a:pt x="1811" y="565"/>
                </a:cubicBezTo>
                <a:cubicBezTo>
                  <a:pt x="1811" y="572"/>
                  <a:pt x="1817" y="577"/>
                  <a:pt x="1824" y="577"/>
                </a:cubicBezTo>
                <a:close/>
                <a:moveTo>
                  <a:pt x="1863" y="577"/>
                </a:moveTo>
                <a:cubicBezTo>
                  <a:pt x="1870" y="577"/>
                  <a:pt x="1876" y="572"/>
                  <a:pt x="1876" y="565"/>
                </a:cubicBezTo>
                <a:cubicBezTo>
                  <a:pt x="1876" y="558"/>
                  <a:pt x="1870" y="552"/>
                  <a:pt x="1863" y="552"/>
                </a:cubicBezTo>
                <a:cubicBezTo>
                  <a:pt x="1856" y="552"/>
                  <a:pt x="1850" y="558"/>
                  <a:pt x="1850" y="565"/>
                </a:cubicBezTo>
                <a:cubicBezTo>
                  <a:pt x="1850" y="572"/>
                  <a:pt x="1856" y="577"/>
                  <a:pt x="1863" y="577"/>
                </a:cubicBezTo>
                <a:close/>
                <a:moveTo>
                  <a:pt x="1903" y="577"/>
                </a:moveTo>
                <a:cubicBezTo>
                  <a:pt x="1910" y="577"/>
                  <a:pt x="1915" y="572"/>
                  <a:pt x="1915" y="565"/>
                </a:cubicBezTo>
                <a:cubicBezTo>
                  <a:pt x="1915" y="558"/>
                  <a:pt x="1910" y="552"/>
                  <a:pt x="1903" y="552"/>
                </a:cubicBezTo>
                <a:cubicBezTo>
                  <a:pt x="1896" y="552"/>
                  <a:pt x="1890" y="558"/>
                  <a:pt x="1890" y="565"/>
                </a:cubicBezTo>
                <a:cubicBezTo>
                  <a:pt x="1890" y="572"/>
                  <a:pt x="1896" y="577"/>
                  <a:pt x="1903" y="577"/>
                </a:cubicBezTo>
                <a:close/>
                <a:moveTo>
                  <a:pt x="1942" y="577"/>
                </a:moveTo>
                <a:cubicBezTo>
                  <a:pt x="1949" y="577"/>
                  <a:pt x="1955" y="572"/>
                  <a:pt x="1955" y="565"/>
                </a:cubicBezTo>
                <a:cubicBezTo>
                  <a:pt x="1955" y="558"/>
                  <a:pt x="1949" y="552"/>
                  <a:pt x="1942" y="552"/>
                </a:cubicBezTo>
                <a:cubicBezTo>
                  <a:pt x="1935" y="552"/>
                  <a:pt x="1929" y="558"/>
                  <a:pt x="1929" y="565"/>
                </a:cubicBezTo>
                <a:cubicBezTo>
                  <a:pt x="1929" y="572"/>
                  <a:pt x="1935" y="577"/>
                  <a:pt x="1942" y="577"/>
                </a:cubicBezTo>
                <a:close/>
                <a:moveTo>
                  <a:pt x="1981" y="577"/>
                </a:moveTo>
                <a:cubicBezTo>
                  <a:pt x="1988" y="577"/>
                  <a:pt x="1994" y="572"/>
                  <a:pt x="1994" y="565"/>
                </a:cubicBezTo>
                <a:cubicBezTo>
                  <a:pt x="1994" y="558"/>
                  <a:pt x="1988" y="552"/>
                  <a:pt x="1981" y="552"/>
                </a:cubicBezTo>
                <a:cubicBezTo>
                  <a:pt x="1974" y="552"/>
                  <a:pt x="1969" y="558"/>
                  <a:pt x="1969" y="565"/>
                </a:cubicBezTo>
                <a:cubicBezTo>
                  <a:pt x="1969" y="572"/>
                  <a:pt x="1974" y="577"/>
                  <a:pt x="1981" y="577"/>
                </a:cubicBezTo>
                <a:close/>
                <a:moveTo>
                  <a:pt x="2021" y="577"/>
                </a:moveTo>
                <a:cubicBezTo>
                  <a:pt x="2028" y="577"/>
                  <a:pt x="2034" y="572"/>
                  <a:pt x="2034" y="565"/>
                </a:cubicBezTo>
                <a:cubicBezTo>
                  <a:pt x="2034" y="558"/>
                  <a:pt x="2028" y="552"/>
                  <a:pt x="2021" y="552"/>
                </a:cubicBezTo>
                <a:cubicBezTo>
                  <a:pt x="2014" y="552"/>
                  <a:pt x="2008" y="558"/>
                  <a:pt x="2008" y="565"/>
                </a:cubicBezTo>
                <a:cubicBezTo>
                  <a:pt x="2008" y="572"/>
                  <a:pt x="2014" y="577"/>
                  <a:pt x="2021" y="577"/>
                </a:cubicBezTo>
                <a:close/>
                <a:moveTo>
                  <a:pt x="2060" y="577"/>
                </a:moveTo>
                <a:cubicBezTo>
                  <a:pt x="2067" y="577"/>
                  <a:pt x="2073" y="572"/>
                  <a:pt x="2073" y="565"/>
                </a:cubicBezTo>
                <a:cubicBezTo>
                  <a:pt x="2073" y="558"/>
                  <a:pt x="2067" y="552"/>
                  <a:pt x="2060" y="552"/>
                </a:cubicBezTo>
                <a:cubicBezTo>
                  <a:pt x="2053" y="552"/>
                  <a:pt x="2048" y="558"/>
                  <a:pt x="2048" y="565"/>
                </a:cubicBezTo>
                <a:cubicBezTo>
                  <a:pt x="2048" y="572"/>
                  <a:pt x="2053" y="577"/>
                  <a:pt x="2060" y="577"/>
                </a:cubicBezTo>
                <a:close/>
                <a:moveTo>
                  <a:pt x="2100" y="577"/>
                </a:moveTo>
                <a:cubicBezTo>
                  <a:pt x="2107" y="577"/>
                  <a:pt x="2112" y="572"/>
                  <a:pt x="2112" y="565"/>
                </a:cubicBezTo>
                <a:cubicBezTo>
                  <a:pt x="2112" y="558"/>
                  <a:pt x="2107" y="552"/>
                  <a:pt x="2100" y="552"/>
                </a:cubicBezTo>
                <a:cubicBezTo>
                  <a:pt x="2093" y="552"/>
                  <a:pt x="2087" y="558"/>
                  <a:pt x="2087" y="565"/>
                </a:cubicBezTo>
                <a:cubicBezTo>
                  <a:pt x="2087" y="572"/>
                  <a:pt x="2093" y="577"/>
                  <a:pt x="2100" y="577"/>
                </a:cubicBezTo>
                <a:close/>
                <a:moveTo>
                  <a:pt x="2139" y="577"/>
                </a:moveTo>
                <a:cubicBezTo>
                  <a:pt x="2146" y="577"/>
                  <a:pt x="2152" y="572"/>
                  <a:pt x="2152" y="565"/>
                </a:cubicBezTo>
                <a:cubicBezTo>
                  <a:pt x="2152" y="558"/>
                  <a:pt x="2146" y="552"/>
                  <a:pt x="2139" y="552"/>
                </a:cubicBezTo>
                <a:cubicBezTo>
                  <a:pt x="2132" y="552"/>
                  <a:pt x="2126" y="558"/>
                  <a:pt x="2126" y="565"/>
                </a:cubicBezTo>
                <a:cubicBezTo>
                  <a:pt x="2126" y="572"/>
                  <a:pt x="2132" y="577"/>
                  <a:pt x="2139" y="577"/>
                </a:cubicBezTo>
                <a:close/>
                <a:moveTo>
                  <a:pt x="2179" y="577"/>
                </a:moveTo>
                <a:cubicBezTo>
                  <a:pt x="2186" y="577"/>
                  <a:pt x="2191" y="572"/>
                  <a:pt x="2191" y="565"/>
                </a:cubicBezTo>
                <a:cubicBezTo>
                  <a:pt x="2191" y="558"/>
                  <a:pt x="2186" y="552"/>
                  <a:pt x="2179" y="552"/>
                </a:cubicBezTo>
                <a:cubicBezTo>
                  <a:pt x="2171" y="552"/>
                  <a:pt x="2166" y="558"/>
                  <a:pt x="2166" y="565"/>
                </a:cubicBezTo>
                <a:cubicBezTo>
                  <a:pt x="2166" y="572"/>
                  <a:pt x="2171" y="577"/>
                  <a:pt x="2179" y="577"/>
                </a:cubicBezTo>
                <a:close/>
                <a:moveTo>
                  <a:pt x="2218" y="577"/>
                </a:moveTo>
                <a:cubicBezTo>
                  <a:pt x="2225" y="577"/>
                  <a:pt x="2231" y="572"/>
                  <a:pt x="2231" y="565"/>
                </a:cubicBezTo>
                <a:cubicBezTo>
                  <a:pt x="2231" y="558"/>
                  <a:pt x="2225" y="552"/>
                  <a:pt x="2218" y="552"/>
                </a:cubicBezTo>
                <a:cubicBezTo>
                  <a:pt x="2211" y="552"/>
                  <a:pt x="2205" y="558"/>
                  <a:pt x="2205" y="565"/>
                </a:cubicBezTo>
                <a:cubicBezTo>
                  <a:pt x="2205" y="572"/>
                  <a:pt x="2211" y="577"/>
                  <a:pt x="2218" y="577"/>
                </a:cubicBezTo>
                <a:close/>
                <a:moveTo>
                  <a:pt x="2257" y="577"/>
                </a:moveTo>
                <a:cubicBezTo>
                  <a:pt x="2264" y="577"/>
                  <a:pt x="2270" y="572"/>
                  <a:pt x="2270" y="565"/>
                </a:cubicBezTo>
                <a:cubicBezTo>
                  <a:pt x="2270" y="558"/>
                  <a:pt x="2264" y="552"/>
                  <a:pt x="2257" y="552"/>
                </a:cubicBezTo>
                <a:cubicBezTo>
                  <a:pt x="2250" y="552"/>
                  <a:pt x="2245" y="558"/>
                  <a:pt x="2245" y="565"/>
                </a:cubicBezTo>
                <a:cubicBezTo>
                  <a:pt x="2245" y="572"/>
                  <a:pt x="2250" y="577"/>
                  <a:pt x="2257" y="577"/>
                </a:cubicBezTo>
                <a:close/>
                <a:moveTo>
                  <a:pt x="2297" y="577"/>
                </a:moveTo>
                <a:cubicBezTo>
                  <a:pt x="2304" y="577"/>
                  <a:pt x="2310" y="572"/>
                  <a:pt x="2310" y="565"/>
                </a:cubicBezTo>
                <a:cubicBezTo>
                  <a:pt x="2310" y="558"/>
                  <a:pt x="2304" y="552"/>
                  <a:pt x="2297" y="552"/>
                </a:cubicBezTo>
                <a:cubicBezTo>
                  <a:pt x="2290" y="552"/>
                  <a:pt x="2284" y="558"/>
                  <a:pt x="2284" y="565"/>
                </a:cubicBezTo>
                <a:cubicBezTo>
                  <a:pt x="2284" y="572"/>
                  <a:pt x="2290" y="577"/>
                  <a:pt x="2297" y="577"/>
                </a:cubicBezTo>
                <a:close/>
                <a:moveTo>
                  <a:pt x="2336" y="577"/>
                </a:moveTo>
                <a:cubicBezTo>
                  <a:pt x="2343" y="577"/>
                  <a:pt x="2349" y="572"/>
                  <a:pt x="2349" y="565"/>
                </a:cubicBezTo>
                <a:cubicBezTo>
                  <a:pt x="2349" y="558"/>
                  <a:pt x="2343" y="552"/>
                  <a:pt x="2336" y="552"/>
                </a:cubicBezTo>
                <a:cubicBezTo>
                  <a:pt x="2329" y="552"/>
                  <a:pt x="2323" y="558"/>
                  <a:pt x="2323" y="565"/>
                </a:cubicBezTo>
                <a:cubicBezTo>
                  <a:pt x="2323" y="572"/>
                  <a:pt x="2329" y="577"/>
                  <a:pt x="2336" y="577"/>
                </a:cubicBezTo>
                <a:close/>
                <a:moveTo>
                  <a:pt x="2376" y="577"/>
                </a:moveTo>
                <a:cubicBezTo>
                  <a:pt x="2383" y="577"/>
                  <a:pt x="2388" y="572"/>
                  <a:pt x="2388" y="565"/>
                </a:cubicBezTo>
                <a:cubicBezTo>
                  <a:pt x="2388" y="558"/>
                  <a:pt x="2383" y="552"/>
                  <a:pt x="2376" y="552"/>
                </a:cubicBezTo>
                <a:cubicBezTo>
                  <a:pt x="2369" y="552"/>
                  <a:pt x="2363" y="558"/>
                  <a:pt x="2363" y="565"/>
                </a:cubicBezTo>
                <a:cubicBezTo>
                  <a:pt x="2363" y="572"/>
                  <a:pt x="2369" y="577"/>
                  <a:pt x="2376" y="577"/>
                </a:cubicBezTo>
                <a:close/>
                <a:moveTo>
                  <a:pt x="2415" y="577"/>
                </a:moveTo>
                <a:cubicBezTo>
                  <a:pt x="2422" y="577"/>
                  <a:pt x="2428" y="572"/>
                  <a:pt x="2428" y="565"/>
                </a:cubicBezTo>
                <a:cubicBezTo>
                  <a:pt x="2428" y="558"/>
                  <a:pt x="2422" y="552"/>
                  <a:pt x="2415" y="552"/>
                </a:cubicBezTo>
                <a:cubicBezTo>
                  <a:pt x="2408" y="552"/>
                  <a:pt x="2402" y="558"/>
                  <a:pt x="2402" y="565"/>
                </a:cubicBezTo>
                <a:cubicBezTo>
                  <a:pt x="2402" y="572"/>
                  <a:pt x="2408" y="577"/>
                  <a:pt x="2415" y="577"/>
                </a:cubicBezTo>
                <a:close/>
                <a:moveTo>
                  <a:pt x="2455" y="577"/>
                </a:moveTo>
                <a:cubicBezTo>
                  <a:pt x="2462" y="577"/>
                  <a:pt x="2467" y="572"/>
                  <a:pt x="2467" y="565"/>
                </a:cubicBezTo>
                <a:cubicBezTo>
                  <a:pt x="2467" y="558"/>
                  <a:pt x="2462" y="552"/>
                  <a:pt x="2455" y="552"/>
                </a:cubicBezTo>
                <a:cubicBezTo>
                  <a:pt x="2447" y="552"/>
                  <a:pt x="2442" y="558"/>
                  <a:pt x="2442" y="565"/>
                </a:cubicBezTo>
                <a:cubicBezTo>
                  <a:pt x="2442" y="572"/>
                  <a:pt x="2447" y="577"/>
                  <a:pt x="2455" y="577"/>
                </a:cubicBezTo>
                <a:close/>
                <a:moveTo>
                  <a:pt x="2494" y="577"/>
                </a:moveTo>
                <a:cubicBezTo>
                  <a:pt x="2501" y="577"/>
                  <a:pt x="2507" y="572"/>
                  <a:pt x="2507" y="565"/>
                </a:cubicBezTo>
                <a:cubicBezTo>
                  <a:pt x="2507" y="558"/>
                  <a:pt x="2501" y="552"/>
                  <a:pt x="2494" y="552"/>
                </a:cubicBezTo>
                <a:cubicBezTo>
                  <a:pt x="2487" y="552"/>
                  <a:pt x="2481" y="558"/>
                  <a:pt x="2481" y="565"/>
                </a:cubicBezTo>
                <a:cubicBezTo>
                  <a:pt x="2481" y="572"/>
                  <a:pt x="2487" y="577"/>
                  <a:pt x="2494" y="577"/>
                </a:cubicBezTo>
                <a:close/>
                <a:moveTo>
                  <a:pt x="2533" y="577"/>
                </a:moveTo>
                <a:cubicBezTo>
                  <a:pt x="2540" y="577"/>
                  <a:pt x="2546" y="572"/>
                  <a:pt x="2546" y="565"/>
                </a:cubicBezTo>
                <a:cubicBezTo>
                  <a:pt x="2546" y="558"/>
                  <a:pt x="2540" y="552"/>
                  <a:pt x="2533" y="552"/>
                </a:cubicBezTo>
                <a:cubicBezTo>
                  <a:pt x="2526" y="552"/>
                  <a:pt x="2521" y="558"/>
                  <a:pt x="2521" y="565"/>
                </a:cubicBezTo>
                <a:cubicBezTo>
                  <a:pt x="2521" y="572"/>
                  <a:pt x="2526" y="577"/>
                  <a:pt x="2533" y="577"/>
                </a:cubicBezTo>
                <a:close/>
                <a:moveTo>
                  <a:pt x="2573" y="577"/>
                </a:moveTo>
                <a:cubicBezTo>
                  <a:pt x="2580" y="577"/>
                  <a:pt x="2586" y="572"/>
                  <a:pt x="2586" y="565"/>
                </a:cubicBezTo>
                <a:cubicBezTo>
                  <a:pt x="2586" y="558"/>
                  <a:pt x="2580" y="552"/>
                  <a:pt x="2573" y="552"/>
                </a:cubicBezTo>
                <a:cubicBezTo>
                  <a:pt x="2566" y="552"/>
                  <a:pt x="2560" y="558"/>
                  <a:pt x="2560" y="565"/>
                </a:cubicBezTo>
                <a:cubicBezTo>
                  <a:pt x="2560" y="572"/>
                  <a:pt x="2566" y="577"/>
                  <a:pt x="2573" y="577"/>
                </a:cubicBezTo>
                <a:close/>
                <a:moveTo>
                  <a:pt x="2612" y="577"/>
                </a:moveTo>
                <a:cubicBezTo>
                  <a:pt x="2619" y="577"/>
                  <a:pt x="2625" y="572"/>
                  <a:pt x="2625" y="565"/>
                </a:cubicBezTo>
                <a:cubicBezTo>
                  <a:pt x="2625" y="558"/>
                  <a:pt x="2619" y="552"/>
                  <a:pt x="2612" y="552"/>
                </a:cubicBezTo>
                <a:cubicBezTo>
                  <a:pt x="2605" y="552"/>
                  <a:pt x="2599" y="558"/>
                  <a:pt x="2599" y="565"/>
                </a:cubicBezTo>
                <a:cubicBezTo>
                  <a:pt x="2599" y="572"/>
                  <a:pt x="2605" y="577"/>
                  <a:pt x="2612" y="577"/>
                </a:cubicBezTo>
                <a:close/>
                <a:moveTo>
                  <a:pt x="2652" y="577"/>
                </a:moveTo>
                <a:cubicBezTo>
                  <a:pt x="2659" y="577"/>
                  <a:pt x="2664" y="572"/>
                  <a:pt x="2664" y="565"/>
                </a:cubicBezTo>
                <a:cubicBezTo>
                  <a:pt x="2664" y="558"/>
                  <a:pt x="2659" y="552"/>
                  <a:pt x="2652" y="552"/>
                </a:cubicBezTo>
                <a:cubicBezTo>
                  <a:pt x="2645" y="552"/>
                  <a:pt x="2639" y="558"/>
                  <a:pt x="2639" y="565"/>
                </a:cubicBezTo>
                <a:cubicBezTo>
                  <a:pt x="2639" y="572"/>
                  <a:pt x="2645" y="577"/>
                  <a:pt x="2652" y="577"/>
                </a:cubicBezTo>
                <a:close/>
                <a:moveTo>
                  <a:pt x="2691" y="577"/>
                </a:moveTo>
                <a:cubicBezTo>
                  <a:pt x="2698" y="577"/>
                  <a:pt x="2704" y="572"/>
                  <a:pt x="2704" y="565"/>
                </a:cubicBezTo>
                <a:cubicBezTo>
                  <a:pt x="2704" y="558"/>
                  <a:pt x="2698" y="552"/>
                  <a:pt x="2691" y="552"/>
                </a:cubicBezTo>
                <a:cubicBezTo>
                  <a:pt x="2684" y="552"/>
                  <a:pt x="2678" y="558"/>
                  <a:pt x="2678" y="565"/>
                </a:cubicBezTo>
                <a:cubicBezTo>
                  <a:pt x="2678" y="572"/>
                  <a:pt x="2684" y="577"/>
                  <a:pt x="2691" y="577"/>
                </a:cubicBezTo>
                <a:close/>
                <a:moveTo>
                  <a:pt x="2730" y="577"/>
                </a:moveTo>
                <a:cubicBezTo>
                  <a:pt x="2738" y="577"/>
                  <a:pt x="2743" y="572"/>
                  <a:pt x="2743" y="565"/>
                </a:cubicBezTo>
                <a:cubicBezTo>
                  <a:pt x="2743" y="558"/>
                  <a:pt x="2738" y="552"/>
                  <a:pt x="2730" y="552"/>
                </a:cubicBezTo>
                <a:cubicBezTo>
                  <a:pt x="2723" y="552"/>
                  <a:pt x="2718" y="558"/>
                  <a:pt x="2718" y="565"/>
                </a:cubicBezTo>
                <a:cubicBezTo>
                  <a:pt x="2718" y="572"/>
                  <a:pt x="2723" y="577"/>
                  <a:pt x="2730" y="577"/>
                </a:cubicBezTo>
                <a:close/>
                <a:moveTo>
                  <a:pt x="2770" y="577"/>
                </a:moveTo>
                <a:cubicBezTo>
                  <a:pt x="2777" y="577"/>
                  <a:pt x="2783" y="572"/>
                  <a:pt x="2783" y="565"/>
                </a:cubicBezTo>
                <a:cubicBezTo>
                  <a:pt x="2783" y="558"/>
                  <a:pt x="2777" y="552"/>
                  <a:pt x="2770" y="552"/>
                </a:cubicBezTo>
                <a:cubicBezTo>
                  <a:pt x="2763" y="552"/>
                  <a:pt x="2757" y="558"/>
                  <a:pt x="2757" y="565"/>
                </a:cubicBezTo>
                <a:cubicBezTo>
                  <a:pt x="2757" y="572"/>
                  <a:pt x="2763" y="577"/>
                  <a:pt x="2770" y="577"/>
                </a:cubicBezTo>
                <a:close/>
                <a:moveTo>
                  <a:pt x="2809" y="577"/>
                </a:moveTo>
                <a:cubicBezTo>
                  <a:pt x="2816" y="577"/>
                  <a:pt x="2822" y="572"/>
                  <a:pt x="2822" y="565"/>
                </a:cubicBezTo>
                <a:cubicBezTo>
                  <a:pt x="2822" y="558"/>
                  <a:pt x="2816" y="552"/>
                  <a:pt x="2809" y="552"/>
                </a:cubicBezTo>
                <a:cubicBezTo>
                  <a:pt x="2802" y="552"/>
                  <a:pt x="2797" y="558"/>
                  <a:pt x="2797" y="565"/>
                </a:cubicBezTo>
                <a:cubicBezTo>
                  <a:pt x="2797" y="572"/>
                  <a:pt x="2802" y="577"/>
                  <a:pt x="2809" y="577"/>
                </a:cubicBezTo>
                <a:close/>
                <a:moveTo>
                  <a:pt x="2849" y="577"/>
                </a:moveTo>
                <a:cubicBezTo>
                  <a:pt x="2856" y="577"/>
                  <a:pt x="2861" y="572"/>
                  <a:pt x="2861" y="565"/>
                </a:cubicBezTo>
                <a:cubicBezTo>
                  <a:pt x="2861" y="558"/>
                  <a:pt x="2856" y="552"/>
                  <a:pt x="2849" y="552"/>
                </a:cubicBezTo>
                <a:cubicBezTo>
                  <a:pt x="2842" y="552"/>
                  <a:pt x="2836" y="558"/>
                  <a:pt x="2836" y="565"/>
                </a:cubicBezTo>
                <a:cubicBezTo>
                  <a:pt x="2836" y="572"/>
                  <a:pt x="2842" y="577"/>
                  <a:pt x="2849" y="577"/>
                </a:cubicBezTo>
                <a:close/>
                <a:moveTo>
                  <a:pt x="2888" y="577"/>
                </a:moveTo>
                <a:cubicBezTo>
                  <a:pt x="2895" y="577"/>
                  <a:pt x="2901" y="572"/>
                  <a:pt x="2901" y="565"/>
                </a:cubicBezTo>
                <a:cubicBezTo>
                  <a:pt x="2901" y="558"/>
                  <a:pt x="2895" y="552"/>
                  <a:pt x="2888" y="552"/>
                </a:cubicBezTo>
                <a:cubicBezTo>
                  <a:pt x="2881" y="552"/>
                  <a:pt x="2875" y="558"/>
                  <a:pt x="2875" y="565"/>
                </a:cubicBezTo>
                <a:cubicBezTo>
                  <a:pt x="2875" y="572"/>
                  <a:pt x="2881" y="577"/>
                  <a:pt x="2888" y="577"/>
                </a:cubicBezTo>
                <a:close/>
                <a:moveTo>
                  <a:pt x="2928" y="577"/>
                </a:moveTo>
                <a:cubicBezTo>
                  <a:pt x="2935" y="577"/>
                  <a:pt x="2940" y="572"/>
                  <a:pt x="2940" y="565"/>
                </a:cubicBezTo>
                <a:cubicBezTo>
                  <a:pt x="2940" y="558"/>
                  <a:pt x="2935" y="552"/>
                  <a:pt x="2928" y="552"/>
                </a:cubicBezTo>
                <a:cubicBezTo>
                  <a:pt x="2921" y="552"/>
                  <a:pt x="2915" y="558"/>
                  <a:pt x="2915" y="565"/>
                </a:cubicBezTo>
                <a:cubicBezTo>
                  <a:pt x="2915" y="572"/>
                  <a:pt x="2921" y="577"/>
                  <a:pt x="2928" y="577"/>
                </a:cubicBezTo>
                <a:close/>
                <a:moveTo>
                  <a:pt x="2967" y="577"/>
                </a:moveTo>
                <a:cubicBezTo>
                  <a:pt x="2974" y="577"/>
                  <a:pt x="2980" y="572"/>
                  <a:pt x="2980" y="565"/>
                </a:cubicBezTo>
                <a:cubicBezTo>
                  <a:pt x="2980" y="558"/>
                  <a:pt x="2974" y="552"/>
                  <a:pt x="2967" y="552"/>
                </a:cubicBezTo>
                <a:cubicBezTo>
                  <a:pt x="2960" y="552"/>
                  <a:pt x="2954" y="558"/>
                  <a:pt x="2954" y="565"/>
                </a:cubicBezTo>
                <a:cubicBezTo>
                  <a:pt x="2954" y="572"/>
                  <a:pt x="2960" y="577"/>
                  <a:pt x="2967" y="577"/>
                </a:cubicBezTo>
                <a:close/>
                <a:moveTo>
                  <a:pt x="3006" y="577"/>
                </a:moveTo>
                <a:cubicBezTo>
                  <a:pt x="3013" y="577"/>
                  <a:pt x="3019" y="572"/>
                  <a:pt x="3019" y="565"/>
                </a:cubicBezTo>
                <a:cubicBezTo>
                  <a:pt x="3019" y="558"/>
                  <a:pt x="3013" y="552"/>
                  <a:pt x="3006" y="552"/>
                </a:cubicBezTo>
                <a:cubicBezTo>
                  <a:pt x="2999" y="552"/>
                  <a:pt x="2994" y="558"/>
                  <a:pt x="2994" y="565"/>
                </a:cubicBezTo>
                <a:cubicBezTo>
                  <a:pt x="2994" y="572"/>
                  <a:pt x="2999" y="577"/>
                  <a:pt x="3006" y="577"/>
                </a:cubicBezTo>
                <a:close/>
                <a:moveTo>
                  <a:pt x="3046" y="577"/>
                </a:moveTo>
                <a:cubicBezTo>
                  <a:pt x="3053" y="577"/>
                  <a:pt x="3059" y="572"/>
                  <a:pt x="3059" y="565"/>
                </a:cubicBezTo>
                <a:cubicBezTo>
                  <a:pt x="3059" y="558"/>
                  <a:pt x="3053" y="552"/>
                  <a:pt x="3046" y="552"/>
                </a:cubicBezTo>
                <a:cubicBezTo>
                  <a:pt x="3039" y="552"/>
                  <a:pt x="3033" y="558"/>
                  <a:pt x="3033" y="565"/>
                </a:cubicBezTo>
                <a:cubicBezTo>
                  <a:pt x="3033" y="572"/>
                  <a:pt x="3039" y="577"/>
                  <a:pt x="3046" y="577"/>
                </a:cubicBezTo>
                <a:close/>
                <a:moveTo>
                  <a:pt x="3085" y="577"/>
                </a:moveTo>
                <a:cubicBezTo>
                  <a:pt x="3092" y="577"/>
                  <a:pt x="3098" y="572"/>
                  <a:pt x="3098" y="565"/>
                </a:cubicBezTo>
                <a:cubicBezTo>
                  <a:pt x="3098" y="558"/>
                  <a:pt x="3092" y="552"/>
                  <a:pt x="3085" y="552"/>
                </a:cubicBezTo>
                <a:cubicBezTo>
                  <a:pt x="3078" y="552"/>
                  <a:pt x="3073" y="558"/>
                  <a:pt x="3073" y="565"/>
                </a:cubicBezTo>
                <a:cubicBezTo>
                  <a:pt x="3073" y="572"/>
                  <a:pt x="3078" y="577"/>
                  <a:pt x="3085" y="577"/>
                </a:cubicBezTo>
                <a:close/>
                <a:moveTo>
                  <a:pt x="3282" y="554"/>
                </a:moveTo>
                <a:cubicBezTo>
                  <a:pt x="3276" y="554"/>
                  <a:pt x="3272" y="559"/>
                  <a:pt x="3272" y="565"/>
                </a:cubicBezTo>
                <a:cubicBezTo>
                  <a:pt x="3272" y="571"/>
                  <a:pt x="3276" y="575"/>
                  <a:pt x="3282" y="575"/>
                </a:cubicBezTo>
                <a:cubicBezTo>
                  <a:pt x="3288" y="575"/>
                  <a:pt x="3293" y="571"/>
                  <a:pt x="3293" y="565"/>
                </a:cubicBezTo>
                <a:cubicBezTo>
                  <a:pt x="3293" y="559"/>
                  <a:pt x="3288" y="554"/>
                  <a:pt x="3282" y="554"/>
                </a:cubicBezTo>
                <a:close/>
                <a:moveTo>
                  <a:pt x="444" y="617"/>
                </a:moveTo>
                <a:cubicBezTo>
                  <a:pt x="451" y="617"/>
                  <a:pt x="457" y="611"/>
                  <a:pt x="457" y="604"/>
                </a:cubicBezTo>
                <a:cubicBezTo>
                  <a:pt x="457" y="597"/>
                  <a:pt x="451" y="591"/>
                  <a:pt x="444" y="591"/>
                </a:cubicBezTo>
                <a:cubicBezTo>
                  <a:pt x="437" y="591"/>
                  <a:pt x="431" y="597"/>
                  <a:pt x="431" y="604"/>
                </a:cubicBezTo>
                <a:cubicBezTo>
                  <a:pt x="431" y="611"/>
                  <a:pt x="437" y="617"/>
                  <a:pt x="444" y="617"/>
                </a:cubicBezTo>
                <a:close/>
                <a:moveTo>
                  <a:pt x="483" y="617"/>
                </a:moveTo>
                <a:cubicBezTo>
                  <a:pt x="490" y="617"/>
                  <a:pt x="496" y="611"/>
                  <a:pt x="496" y="604"/>
                </a:cubicBezTo>
                <a:cubicBezTo>
                  <a:pt x="496" y="597"/>
                  <a:pt x="490" y="591"/>
                  <a:pt x="483" y="591"/>
                </a:cubicBezTo>
                <a:cubicBezTo>
                  <a:pt x="476" y="591"/>
                  <a:pt x="471" y="597"/>
                  <a:pt x="471" y="604"/>
                </a:cubicBezTo>
                <a:cubicBezTo>
                  <a:pt x="471" y="611"/>
                  <a:pt x="476" y="617"/>
                  <a:pt x="483" y="617"/>
                </a:cubicBezTo>
                <a:close/>
                <a:moveTo>
                  <a:pt x="523" y="617"/>
                </a:moveTo>
                <a:cubicBezTo>
                  <a:pt x="530" y="617"/>
                  <a:pt x="535" y="611"/>
                  <a:pt x="535" y="604"/>
                </a:cubicBezTo>
                <a:cubicBezTo>
                  <a:pt x="535" y="597"/>
                  <a:pt x="530" y="591"/>
                  <a:pt x="523" y="591"/>
                </a:cubicBezTo>
                <a:cubicBezTo>
                  <a:pt x="516" y="591"/>
                  <a:pt x="510" y="597"/>
                  <a:pt x="510" y="604"/>
                </a:cubicBezTo>
                <a:cubicBezTo>
                  <a:pt x="510" y="611"/>
                  <a:pt x="516" y="617"/>
                  <a:pt x="523" y="617"/>
                </a:cubicBezTo>
                <a:close/>
                <a:moveTo>
                  <a:pt x="562" y="617"/>
                </a:moveTo>
                <a:cubicBezTo>
                  <a:pt x="569" y="617"/>
                  <a:pt x="575" y="611"/>
                  <a:pt x="575" y="604"/>
                </a:cubicBezTo>
                <a:cubicBezTo>
                  <a:pt x="575" y="597"/>
                  <a:pt x="569" y="591"/>
                  <a:pt x="562" y="591"/>
                </a:cubicBezTo>
                <a:cubicBezTo>
                  <a:pt x="555" y="591"/>
                  <a:pt x="549" y="597"/>
                  <a:pt x="549" y="604"/>
                </a:cubicBezTo>
                <a:cubicBezTo>
                  <a:pt x="549" y="611"/>
                  <a:pt x="555" y="617"/>
                  <a:pt x="562" y="617"/>
                </a:cubicBezTo>
                <a:close/>
                <a:moveTo>
                  <a:pt x="602" y="617"/>
                </a:moveTo>
                <a:cubicBezTo>
                  <a:pt x="609" y="617"/>
                  <a:pt x="614" y="611"/>
                  <a:pt x="614" y="604"/>
                </a:cubicBezTo>
                <a:cubicBezTo>
                  <a:pt x="614" y="597"/>
                  <a:pt x="609" y="591"/>
                  <a:pt x="602" y="591"/>
                </a:cubicBezTo>
                <a:cubicBezTo>
                  <a:pt x="595" y="591"/>
                  <a:pt x="589" y="597"/>
                  <a:pt x="589" y="604"/>
                </a:cubicBezTo>
                <a:cubicBezTo>
                  <a:pt x="589" y="611"/>
                  <a:pt x="595" y="617"/>
                  <a:pt x="602" y="617"/>
                </a:cubicBezTo>
                <a:close/>
                <a:moveTo>
                  <a:pt x="641" y="617"/>
                </a:moveTo>
                <a:cubicBezTo>
                  <a:pt x="648" y="617"/>
                  <a:pt x="654" y="611"/>
                  <a:pt x="654" y="604"/>
                </a:cubicBezTo>
                <a:cubicBezTo>
                  <a:pt x="654" y="597"/>
                  <a:pt x="648" y="591"/>
                  <a:pt x="641" y="591"/>
                </a:cubicBezTo>
                <a:cubicBezTo>
                  <a:pt x="634" y="591"/>
                  <a:pt x="628" y="597"/>
                  <a:pt x="628" y="604"/>
                </a:cubicBezTo>
                <a:cubicBezTo>
                  <a:pt x="628" y="611"/>
                  <a:pt x="634" y="617"/>
                  <a:pt x="641" y="617"/>
                </a:cubicBezTo>
                <a:close/>
                <a:moveTo>
                  <a:pt x="680" y="617"/>
                </a:moveTo>
                <a:cubicBezTo>
                  <a:pt x="687" y="617"/>
                  <a:pt x="693" y="611"/>
                  <a:pt x="693" y="604"/>
                </a:cubicBezTo>
                <a:cubicBezTo>
                  <a:pt x="693" y="597"/>
                  <a:pt x="687" y="591"/>
                  <a:pt x="680" y="591"/>
                </a:cubicBezTo>
                <a:cubicBezTo>
                  <a:pt x="673" y="591"/>
                  <a:pt x="668" y="597"/>
                  <a:pt x="668" y="604"/>
                </a:cubicBezTo>
                <a:cubicBezTo>
                  <a:pt x="668" y="611"/>
                  <a:pt x="673" y="617"/>
                  <a:pt x="680" y="617"/>
                </a:cubicBezTo>
                <a:close/>
                <a:moveTo>
                  <a:pt x="720" y="617"/>
                </a:moveTo>
                <a:cubicBezTo>
                  <a:pt x="727" y="617"/>
                  <a:pt x="733" y="611"/>
                  <a:pt x="733" y="604"/>
                </a:cubicBezTo>
                <a:cubicBezTo>
                  <a:pt x="733" y="597"/>
                  <a:pt x="727" y="591"/>
                  <a:pt x="720" y="591"/>
                </a:cubicBezTo>
                <a:cubicBezTo>
                  <a:pt x="713" y="591"/>
                  <a:pt x="707" y="597"/>
                  <a:pt x="707" y="604"/>
                </a:cubicBezTo>
                <a:cubicBezTo>
                  <a:pt x="707" y="611"/>
                  <a:pt x="713" y="617"/>
                  <a:pt x="720" y="617"/>
                </a:cubicBezTo>
                <a:close/>
                <a:moveTo>
                  <a:pt x="759" y="617"/>
                </a:moveTo>
                <a:cubicBezTo>
                  <a:pt x="766" y="617"/>
                  <a:pt x="772" y="611"/>
                  <a:pt x="772" y="604"/>
                </a:cubicBezTo>
                <a:cubicBezTo>
                  <a:pt x="772" y="597"/>
                  <a:pt x="766" y="591"/>
                  <a:pt x="759" y="591"/>
                </a:cubicBezTo>
                <a:cubicBezTo>
                  <a:pt x="752" y="591"/>
                  <a:pt x="747" y="597"/>
                  <a:pt x="747" y="604"/>
                </a:cubicBezTo>
                <a:cubicBezTo>
                  <a:pt x="747" y="611"/>
                  <a:pt x="752" y="617"/>
                  <a:pt x="759" y="617"/>
                </a:cubicBezTo>
                <a:close/>
                <a:moveTo>
                  <a:pt x="838" y="617"/>
                </a:moveTo>
                <a:cubicBezTo>
                  <a:pt x="845" y="617"/>
                  <a:pt x="851" y="611"/>
                  <a:pt x="851" y="604"/>
                </a:cubicBezTo>
                <a:cubicBezTo>
                  <a:pt x="851" y="597"/>
                  <a:pt x="845" y="591"/>
                  <a:pt x="838" y="591"/>
                </a:cubicBezTo>
                <a:cubicBezTo>
                  <a:pt x="831" y="591"/>
                  <a:pt x="825" y="597"/>
                  <a:pt x="825" y="604"/>
                </a:cubicBezTo>
                <a:cubicBezTo>
                  <a:pt x="825" y="611"/>
                  <a:pt x="831" y="617"/>
                  <a:pt x="838" y="617"/>
                </a:cubicBezTo>
                <a:close/>
                <a:moveTo>
                  <a:pt x="878" y="617"/>
                </a:moveTo>
                <a:cubicBezTo>
                  <a:pt x="885" y="617"/>
                  <a:pt x="890" y="611"/>
                  <a:pt x="890" y="604"/>
                </a:cubicBezTo>
                <a:cubicBezTo>
                  <a:pt x="890" y="597"/>
                  <a:pt x="885" y="591"/>
                  <a:pt x="878" y="591"/>
                </a:cubicBezTo>
                <a:cubicBezTo>
                  <a:pt x="871" y="591"/>
                  <a:pt x="865" y="597"/>
                  <a:pt x="865" y="604"/>
                </a:cubicBezTo>
                <a:cubicBezTo>
                  <a:pt x="865" y="611"/>
                  <a:pt x="871" y="617"/>
                  <a:pt x="878" y="617"/>
                </a:cubicBezTo>
                <a:close/>
                <a:moveTo>
                  <a:pt x="917" y="617"/>
                </a:moveTo>
                <a:cubicBezTo>
                  <a:pt x="924" y="617"/>
                  <a:pt x="930" y="611"/>
                  <a:pt x="930" y="604"/>
                </a:cubicBezTo>
                <a:cubicBezTo>
                  <a:pt x="930" y="597"/>
                  <a:pt x="924" y="591"/>
                  <a:pt x="917" y="591"/>
                </a:cubicBezTo>
                <a:cubicBezTo>
                  <a:pt x="910" y="591"/>
                  <a:pt x="904" y="597"/>
                  <a:pt x="904" y="604"/>
                </a:cubicBezTo>
                <a:cubicBezTo>
                  <a:pt x="904" y="611"/>
                  <a:pt x="910" y="617"/>
                  <a:pt x="917" y="617"/>
                </a:cubicBezTo>
                <a:close/>
                <a:moveTo>
                  <a:pt x="956" y="617"/>
                </a:moveTo>
                <a:cubicBezTo>
                  <a:pt x="963" y="617"/>
                  <a:pt x="969" y="611"/>
                  <a:pt x="969" y="604"/>
                </a:cubicBezTo>
                <a:cubicBezTo>
                  <a:pt x="969" y="597"/>
                  <a:pt x="963" y="591"/>
                  <a:pt x="956" y="591"/>
                </a:cubicBezTo>
                <a:cubicBezTo>
                  <a:pt x="949" y="591"/>
                  <a:pt x="944" y="597"/>
                  <a:pt x="944" y="604"/>
                </a:cubicBezTo>
                <a:cubicBezTo>
                  <a:pt x="944" y="611"/>
                  <a:pt x="949" y="617"/>
                  <a:pt x="956" y="617"/>
                </a:cubicBezTo>
                <a:close/>
                <a:moveTo>
                  <a:pt x="996" y="617"/>
                </a:moveTo>
                <a:cubicBezTo>
                  <a:pt x="1003" y="617"/>
                  <a:pt x="1009" y="611"/>
                  <a:pt x="1009" y="604"/>
                </a:cubicBezTo>
                <a:cubicBezTo>
                  <a:pt x="1009" y="597"/>
                  <a:pt x="1003" y="591"/>
                  <a:pt x="996" y="591"/>
                </a:cubicBezTo>
                <a:cubicBezTo>
                  <a:pt x="989" y="591"/>
                  <a:pt x="983" y="597"/>
                  <a:pt x="983" y="604"/>
                </a:cubicBezTo>
                <a:cubicBezTo>
                  <a:pt x="983" y="611"/>
                  <a:pt x="989" y="617"/>
                  <a:pt x="996" y="617"/>
                </a:cubicBezTo>
                <a:close/>
                <a:moveTo>
                  <a:pt x="1035" y="595"/>
                </a:moveTo>
                <a:cubicBezTo>
                  <a:pt x="1030" y="595"/>
                  <a:pt x="1026" y="599"/>
                  <a:pt x="1026" y="604"/>
                </a:cubicBezTo>
                <a:cubicBezTo>
                  <a:pt x="1026" y="609"/>
                  <a:pt x="1030" y="613"/>
                  <a:pt x="1035" y="613"/>
                </a:cubicBezTo>
                <a:cubicBezTo>
                  <a:pt x="1040" y="613"/>
                  <a:pt x="1045" y="609"/>
                  <a:pt x="1045" y="604"/>
                </a:cubicBezTo>
                <a:cubicBezTo>
                  <a:pt x="1045" y="599"/>
                  <a:pt x="1040" y="595"/>
                  <a:pt x="1035" y="595"/>
                </a:cubicBezTo>
                <a:close/>
                <a:moveTo>
                  <a:pt x="1101" y="604"/>
                </a:moveTo>
                <a:cubicBezTo>
                  <a:pt x="1101" y="611"/>
                  <a:pt x="1107" y="617"/>
                  <a:pt x="1114" y="617"/>
                </a:cubicBezTo>
                <a:cubicBezTo>
                  <a:pt x="1121" y="617"/>
                  <a:pt x="1127" y="611"/>
                  <a:pt x="1127" y="604"/>
                </a:cubicBezTo>
                <a:cubicBezTo>
                  <a:pt x="1127" y="597"/>
                  <a:pt x="1121" y="591"/>
                  <a:pt x="1114" y="591"/>
                </a:cubicBezTo>
                <a:cubicBezTo>
                  <a:pt x="1107" y="591"/>
                  <a:pt x="1101" y="597"/>
                  <a:pt x="1101" y="604"/>
                </a:cubicBezTo>
                <a:close/>
                <a:moveTo>
                  <a:pt x="1144" y="604"/>
                </a:moveTo>
                <a:cubicBezTo>
                  <a:pt x="1144" y="609"/>
                  <a:pt x="1148" y="613"/>
                  <a:pt x="1154" y="613"/>
                </a:cubicBezTo>
                <a:cubicBezTo>
                  <a:pt x="1159" y="613"/>
                  <a:pt x="1163" y="609"/>
                  <a:pt x="1163" y="604"/>
                </a:cubicBezTo>
                <a:cubicBezTo>
                  <a:pt x="1163" y="599"/>
                  <a:pt x="1159" y="595"/>
                  <a:pt x="1154" y="595"/>
                </a:cubicBezTo>
                <a:cubicBezTo>
                  <a:pt x="1148" y="595"/>
                  <a:pt x="1144" y="599"/>
                  <a:pt x="1144" y="604"/>
                </a:cubicBezTo>
                <a:close/>
                <a:moveTo>
                  <a:pt x="1666" y="591"/>
                </a:moveTo>
                <a:cubicBezTo>
                  <a:pt x="1659" y="591"/>
                  <a:pt x="1653" y="597"/>
                  <a:pt x="1653" y="604"/>
                </a:cubicBezTo>
                <a:cubicBezTo>
                  <a:pt x="1653" y="611"/>
                  <a:pt x="1659" y="617"/>
                  <a:pt x="1666" y="617"/>
                </a:cubicBezTo>
                <a:cubicBezTo>
                  <a:pt x="1673" y="617"/>
                  <a:pt x="1679" y="611"/>
                  <a:pt x="1679" y="604"/>
                </a:cubicBezTo>
                <a:cubicBezTo>
                  <a:pt x="1679" y="597"/>
                  <a:pt x="1673" y="591"/>
                  <a:pt x="1666" y="591"/>
                </a:cubicBezTo>
                <a:close/>
                <a:moveTo>
                  <a:pt x="1705" y="617"/>
                </a:moveTo>
                <a:cubicBezTo>
                  <a:pt x="1712" y="617"/>
                  <a:pt x="1718" y="611"/>
                  <a:pt x="1718" y="604"/>
                </a:cubicBezTo>
                <a:cubicBezTo>
                  <a:pt x="1718" y="597"/>
                  <a:pt x="1712" y="591"/>
                  <a:pt x="1705" y="591"/>
                </a:cubicBezTo>
                <a:cubicBezTo>
                  <a:pt x="1698" y="591"/>
                  <a:pt x="1693" y="597"/>
                  <a:pt x="1693" y="604"/>
                </a:cubicBezTo>
                <a:cubicBezTo>
                  <a:pt x="1693" y="611"/>
                  <a:pt x="1698" y="617"/>
                  <a:pt x="1705" y="617"/>
                </a:cubicBezTo>
                <a:close/>
                <a:moveTo>
                  <a:pt x="1745" y="617"/>
                </a:moveTo>
                <a:cubicBezTo>
                  <a:pt x="1752" y="617"/>
                  <a:pt x="1758" y="611"/>
                  <a:pt x="1758" y="604"/>
                </a:cubicBezTo>
                <a:cubicBezTo>
                  <a:pt x="1758" y="597"/>
                  <a:pt x="1752" y="591"/>
                  <a:pt x="1745" y="591"/>
                </a:cubicBezTo>
                <a:cubicBezTo>
                  <a:pt x="1738" y="591"/>
                  <a:pt x="1732" y="597"/>
                  <a:pt x="1732" y="604"/>
                </a:cubicBezTo>
                <a:cubicBezTo>
                  <a:pt x="1732" y="611"/>
                  <a:pt x="1738" y="617"/>
                  <a:pt x="1745" y="617"/>
                </a:cubicBezTo>
                <a:close/>
                <a:moveTo>
                  <a:pt x="1784" y="617"/>
                </a:moveTo>
                <a:cubicBezTo>
                  <a:pt x="1791" y="617"/>
                  <a:pt x="1797" y="611"/>
                  <a:pt x="1797" y="604"/>
                </a:cubicBezTo>
                <a:cubicBezTo>
                  <a:pt x="1797" y="597"/>
                  <a:pt x="1791" y="591"/>
                  <a:pt x="1784" y="591"/>
                </a:cubicBezTo>
                <a:cubicBezTo>
                  <a:pt x="1777" y="591"/>
                  <a:pt x="1772" y="597"/>
                  <a:pt x="1772" y="604"/>
                </a:cubicBezTo>
                <a:cubicBezTo>
                  <a:pt x="1772" y="611"/>
                  <a:pt x="1777" y="617"/>
                  <a:pt x="1784" y="617"/>
                </a:cubicBezTo>
                <a:close/>
                <a:moveTo>
                  <a:pt x="1824" y="617"/>
                </a:moveTo>
                <a:cubicBezTo>
                  <a:pt x="1831" y="617"/>
                  <a:pt x="1836" y="611"/>
                  <a:pt x="1836" y="604"/>
                </a:cubicBezTo>
                <a:cubicBezTo>
                  <a:pt x="1836" y="597"/>
                  <a:pt x="1831" y="591"/>
                  <a:pt x="1824" y="591"/>
                </a:cubicBezTo>
                <a:cubicBezTo>
                  <a:pt x="1817" y="591"/>
                  <a:pt x="1811" y="597"/>
                  <a:pt x="1811" y="604"/>
                </a:cubicBezTo>
                <a:cubicBezTo>
                  <a:pt x="1811" y="611"/>
                  <a:pt x="1817" y="617"/>
                  <a:pt x="1824" y="617"/>
                </a:cubicBezTo>
                <a:close/>
                <a:moveTo>
                  <a:pt x="1863" y="617"/>
                </a:moveTo>
                <a:cubicBezTo>
                  <a:pt x="1870" y="617"/>
                  <a:pt x="1876" y="611"/>
                  <a:pt x="1876" y="604"/>
                </a:cubicBezTo>
                <a:cubicBezTo>
                  <a:pt x="1876" y="597"/>
                  <a:pt x="1870" y="591"/>
                  <a:pt x="1863" y="591"/>
                </a:cubicBezTo>
                <a:cubicBezTo>
                  <a:pt x="1856" y="591"/>
                  <a:pt x="1850" y="597"/>
                  <a:pt x="1850" y="604"/>
                </a:cubicBezTo>
                <a:cubicBezTo>
                  <a:pt x="1850" y="611"/>
                  <a:pt x="1856" y="617"/>
                  <a:pt x="1863" y="617"/>
                </a:cubicBezTo>
                <a:close/>
                <a:moveTo>
                  <a:pt x="1903" y="617"/>
                </a:moveTo>
                <a:cubicBezTo>
                  <a:pt x="1910" y="617"/>
                  <a:pt x="1915" y="611"/>
                  <a:pt x="1915" y="604"/>
                </a:cubicBezTo>
                <a:cubicBezTo>
                  <a:pt x="1915" y="597"/>
                  <a:pt x="1910" y="591"/>
                  <a:pt x="1903" y="591"/>
                </a:cubicBezTo>
                <a:cubicBezTo>
                  <a:pt x="1896" y="591"/>
                  <a:pt x="1890" y="597"/>
                  <a:pt x="1890" y="604"/>
                </a:cubicBezTo>
                <a:cubicBezTo>
                  <a:pt x="1890" y="611"/>
                  <a:pt x="1896" y="617"/>
                  <a:pt x="1903" y="617"/>
                </a:cubicBezTo>
                <a:close/>
                <a:moveTo>
                  <a:pt x="1942" y="617"/>
                </a:moveTo>
                <a:cubicBezTo>
                  <a:pt x="1949" y="617"/>
                  <a:pt x="1955" y="611"/>
                  <a:pt x="1955" y="604"/>
                </a:cubicBezTo>
                <a:cubicBezTo>
                  <a:pt x="1955" y="597"/>
                  <a:pt x="1949" y="591"/>
                  <a:pt x="1942" y="591"/>
                </a:cubicBezTo>
                <a:cubicBezTo>
                  <a:pt x="1935" y="591"/>
                  <a:pt x="1929" y="597"/>
                  <a:pt x="1929" y="604"/>
                </a:cubicBezTo>
                <a:cubicBezTo>
                  <a:pt x="1929" y="611"/>
                  <a:pt x="1935" y="617"/>
                  <a:pt x="1942" y="617"/>
                </a:cubicBezTo>
                <a:close/>
                <a:moveTo>
                  <a:pt x="1981" y="617"/>
                </a:moveTo>
                <a:cubicBezTo>
                  <a:pt x="1988" y="617"/>
                  <a:pt x="1994" y="611"/>
                  <a:pt x="1994" y="604"/>
                </a:cubicBezTo>
                <a:cubicBezTo>
                  <a:pt x="1994" y="597"/>
                  <a:pt x="1988" y="591"/>
                  <a:pt x="1981" y="591"/>
                </a:cubicBezTo>
                <a:cubicBezTo>
                  <a:pt x="1974" y="591"/>
                  <a:pt x="1969" y="597"/>
                  <a:pt x="1969" y="604"/>
                </a:cubicBezTo>
                <a:cubicBezTo>
                  <a:pt x="1969" y="611"/>
                  <a:pt x="1974" y="617"/>
                  <a:pt x="1981" y="617"/>
                </a:cubicBezTo>
                <a:close/>
                <a:moveTo>
                  <a:pt x="2021" y="617"/>
                </a:moveTo>
                <a:cubicBezTo>
                  <a:pt x="2028" y="617"/>
                  <a:pt x="2034" y="611"/>
                  <a:pt x="2034" y="604"/>
                </a:cubicBezTo>
                <a:cubicBezTo>
                  <a:pt x="2034" y="597"/>
                  <a:pt x="2028" y="591"/>
                  <a:pt x="2021" y="591"/>
                </a:cubicBezTo>
                <a:cubicBezTo>
                  <a:pt x="2014" y="591"/>
                  <a:pt x="2008" y="597"/>
                  <a:pt x="2008" y="604"/>
                </a:cubicBezTo>
                <a:cubicBezTo>
                  <a:pt x="2008" y="611"/>
                  <a:pt x="2014" y="617"/>
                  <a:pt x="2021" y="617"/>
                </a:cubicBezTo>
                <a:close/>
                <a:moveTo>
                  <a:pt x="2060" y="617"/>
                </a:moveTo>
                <a:cubicBezTo>
                  <a:pt x="2067" y="617"/>
                  <a:pt x="2073" y="611"/>
                  <a:pt x="2073" y="604"/>
                </a:cubicBezTo>
                <a:cubicBezTo>
                  <a:pt x="2073" y="597"/>
                  <a:pt x="2067" y="591"/>
                  <a:pt x="2060" y="591"/>
                </a:cubicBezTo>
                <a:cubicBezTo>
                  <a:pt x="2053" y="591"/>
                  <a:pt x="2048" y="597"/>
                  <a:pt x="2048" y="604"/>
                </a:cubicBezTo>
                <a:cubicBezTo>
                  <a:pt x="2048" y="611"/>
                  <a:pt x="2053" y="617"/>
                  <a:pt x="2060" y="617"/>
                </a:cubicBezTo>
                <a:close/>
                <a:moveTo>
                  <a:pt x="2100" y="617"/>
                </a:moveTo>
                <a:cubicBezTo>
                  <a:pt x="2107" y="617"/>
                  <a:pt x="2112" y="611"/>
                  <a:pt x="2112" y="604"/>
                </a:cubicBezTo>
                <a:cubicBezTo>
                  <a:pt x="2112" y="597"/>
                  <a:pt x="2107" y="591"/>
                  <a:pt x="2100" y="591"/>
                </a:cubicBezTo>
                <a:cubicBezTo>
                  <a:pt x="2093" y="591"/>
                  <a:pt x="2087" y="597"/>
                  <a:pt x="2087" y="604"/>
                </a:cubicBezTo>
                <a:cubicBezTo>
                  <a:pt x="2087" y="611"/>
                  <a:pt x="2093" y="617"/>
                  <a:pt x="2100" y="617"/>
                </a:cubicBezTo>
                <a:close/>
                <a:moveTo>
                  <a:pt x="2139" y="617"/>
                </a:moveTo>
                <a:cubicBezTo>
                  <a:pt x="2146" y="617"/>
                  <a:pt x="2152" y="611"/>
                  <a:pt x="2152" y="604"/>
                </a:cubicBezTo>
                <a:cubicBezTo>
                  <a:pt x="2152" y="597"/>
                  <a:pt x="2146" y="591"/>
                  <a:pt x="2139" y="591"/>
                </a:cubicBezTo>
                <a:cubicBezTo>
                  <a:pt x="2132" y="591"/>
                  <a:pt x="2126" y="597"/>
                  <a:pt x="2126" y="604"/>
                </a:cubicBezTo>
                <a:cubicBezTo>
                  <a:pt x="2126" y="611"/>
                  <a:pt x="2132" y="617"/>
                  <a:pt x="2139" y="617"/>
                </a:cubicBezTo>
                <a:close/>
                <a:moveTo>
                  <a:pt x="2179" y="617"/>
                </a:moveTo>
                <a:cubicBezTo>
                  <a:pt x="2186" y="617"/>
                  <a:pt x="2191" y="611"/>
                  <a:pt x="2191" y="604"/>
                </a:cubicBezTo>
                <a:cubicBezTo>
                  <a:pt x="2191" y="597"/>
                  <a:pt x="2186" y="591"/>
                  <a:pt x="2179" y="591"/>
                </a:cubicBezTo>
                <a:cubicBezTo>
                  <a:pt x="2171" y="591"/>
                  <a:pt x="2166" y="597"/>
                  <a:pt x="2166" y="604"/>
                </a:cubicBezTo>
                <a:cubicBezTo>
                  <a:pt x="2166" y="611"/>
                  <a:pt x="2171" y="617"/>
                  <a:pt x="2179" y="617"/>
                </a:cubicBezTo>
                <a:close/>
                <a:moveTo>
                  <a:pt x="2218" y="617"/>
                </a:moveTo>
                <a:cubicBezTo>
                  <a:pt x="2225" y="617"/>
                  <a:pt x="2231" y="611"/>
                  <a:pt x="2231" y="604"/>
                </a:cubicBezTo>
                <a:cubicBezTo>
                  <a:pt x="2231" y="597"/>
                  <a:pt x="2225" y="591"/>
                  <a:pt x="2218" y="591"/>
                </a:cubicBezTo>
                <a:cubicBezTo>
                  <a:pt x="2211" y="591"/>
                  <a:pt x="2205" y="597"/>
                  <a:pt x="2205" y="604"/>
                </a:cubicBezTo>
                <a:cubicBezTo>
                  <a:pt x="2205" y="611"/>
                  <a:pt x="2211" y="617"/>
                  <a:pt x="2218" y="617"/>
                </a:cubicBezTo>
                <a:close/>
                <a:moveTo>
                  <a:pt x="2257" y="617"/>
                </a:moveTo>
                <a:cubicBezTo>
                  <a:pt x="2264" y="617"/>
                  <a:pt x="2270" y="611"/>
                  <a:pt x="2270" y="604"/>
                </a:cubicBezTo>
                <a:cubicBezTo>
                  <a:pt x="2270" y="597"/>
                  <a:pt x="2264" y="591"/>
                  <a:pt x="2257" y="591"/>
                </a:cubicBezTo>
                <a:cubicBezTo>
                  <a:pt x="2250" y="591"/>
                  <a:pt x="2245" y="597"/>
                  <a:pt x="2245" y="604"/>
                </a:cubicBezTo>
                <a:cubicBezTo>
                  <a:pt x="2245" y="611"/>
                  <a:pt x="2250" y="617"/>
                  <a:pt x="2257" y="617"/>
                </a:cubicBezTo>
                <a:close/>
                <a:moveTo>
                  <a:pt x="2297" y="617"/>
                </a:moveTo>
                <a:cubicBezTo>
                  <a:pt x="2304" y="617"/>
                  <a:pt x="2310" y="611"/>
                  <a:pt x="2310" y="604"/>
                </a:cubicBezTo>
                <a:cubicBezTo>
                  <a:pt x="2310" y="597"/>
                  <a:pt x="2304" y="591"/>
                  <a:pt x="2297" y="591"/>
                </a:cubicBezTo>
                <a:cubicBezTo>
                  <a:pt x="2290" y="591"/>
                  <a:pt x="2284" y="597"/>
                  <a:pt x="2284" y="604"/>
                </a:cubicBezTo>
                <a:cubicBezTo>
                  <a:pt x="2284" y="611"/>
                  <a:pt x="2290" y="617"/>
                  <a:pt x="2297" y="617"/>
                </a:cubicBezTo>
                <a:close/>
                <a:moveTo>
                  <a:pt x="2336" y="617"/>
                </a:moveTo>
                <a:cubicBezTo>
                  <a:pt x="2343" y="617"/>
                  <a:pt x="2349" y="611"/>
                  <a:pt x="2349" y="604"/>
                </a:cubicBezTo>
                <a:cubicBezTo>
                  <a:pt x="2349" y="597"/>
                  <a:pt x="2343" y="591"/>
                  <a:pt x="2336" y="591"/>
                </a:cubicBezTo>
                <a:cubicBezTo>
                  <a:pt x="2329" y="591"/>
                  <a:pt x="2323" y="597"/>
                  <a:pt x="2323" y="604"/>
                </a:cubicBezTo>
                <a:cubicBezTo>
                  <a:pt x="2323" y="611"/>
                  <a:pt x="2329" y="617"/>
                  <a:pt x="2336" y="617"/>
                </a:cubicBezTo>
                <a:close/>
                <a:moveTo>
                  <a:pt x="2376" y="617"/>
                </a:moveTo>
                <a:cubicBezTo>
                  <a:pt x="2383" y="617"/>
                  <a:pt x="2388" y="611"/>
                  <a:pt x="2388" y="604"/>
                </a:cubicBezTo>
                <a:cubicBezTo>
                  <a:pt x="2388" y="597"/>
                  <a:pt x="2383" y="591"/>
                  <a:pt x="2376" y="591"/>
                </a:cubicBezTo>
                <a:cubicBezTo>
                  <a:pt x="2369" y="591"/>
                  <a:pt x="2363" y="597"/>
                  <a:pt x="2363" y="604"/>
                </a:cubicBezTo>
                <a:cubicBezTo>
                  <a:pt x="2363" y="611"/>
                  <a:pt x="2369" y="617"/>
                  <a:pt x="2376" y="617"/>
                </a:cubicBezTo>
                <a:close/>
                <a:moveTo>
                  <a:pt x="2415" y="617"/>
                </a:moveTo>
                <a:cubicBezTo>
                  <a:pt x="2422" y="617"/>
                  <a:pt x="2428" y="611"/>
                  <a:pt x="2428" y="604"/>
                </a:cubicBezTo>
                <a:cubicBezTo>
                  <a:pt x="2428" y="597"/>
                  <a:pt x="2422" y="591"/>
                  <a:pt x="2415" y="591"/>
                </a:cubicBezTo>
                <a:cubicBezTo>
                  <a:pt x="2408" y="591"/>
                  <a:pt x="2402" y="597"/>
                  <a:pt x="2402" y="604"/>
                </a:cubicBezTo>
                <a:cubicBezTo>
                  <a:pt x="2402" y="611"/>
                  <a:pt x="2408" y="617"/>
                  <a:pt x="2415" y="617"/>
                </a:cubicBezTo>
                <a:close/>
                <a:moveTo>
                  <a:pt x="2455" y="617"/>
                </a:moveTo>
                <a:cubicBezTo>
                  <a:pt x="2462" y="617"/>
                  <a:pt x="2467" y="611"/>
                  <a:pt x="2467" y="604"/>
                </a:cubicBezTo>
                <a:cubicBezTo>
                  <a:pt x="2467" y="597"/>
                  <a:pt x="2462" y="591"/>
                  <a:pt x="2455" y="591"/>
                </a:cubicBezTo>
                <a:cubicBezTo>
                  <a:pt x="2447" y="591"/>
                  <a:pt x="2442" y="597"/>
                  <a:pt x="2442" y="604"/>
                </a:cubicBezTo>
                <a:cubicBezTo>
                  <a:pt x="2442" y="611"/>
                  <a:pt x="2447" y="617"/>
                  <a:pt x="2455" y="617"/>
                </a:cubicBezTo>
                <a:close/>
                <a:moveTo>
                  <a:pt x="2494" y="617"/>
                </a:moveTo>
                <a:cubicBezTo>
                  <a:pt x="2501" y="617"/>
                  <a:pt x="2507" y="611"/>
                  <a:pt x="2507" y="604"/>
                </a:cubicBezTo>
                <a:cubicBezTo>
                  <a:pt x="2507" y="597"/>
                  <a:pt x="2501" y="591"/>
                  <a:pt x="2494" y="591"/>
                </a:cubicBezTo>
                <a:cubicBezTo>
                  <a:pt x="2487" y="591"/>
                  <a:pt x="2481" y="597"/>
                  <a:pt x="2481" y="604"/>
                </a:cubicBezTo>
                <a:cubicBezTo>
                  <a:pt x="2481" y="611"/>
                  <a:pt x="2487" y="617"/>
                  <a:pt x="2494" y="617"/>
                </a:cubicBezTo>
                <a:close/>
                <a:moveTo>
                  <a:pt x="2533" y="617"/>
                </a:moveTo>
                <a:cubicBezTo>
                  <a:pt x="2540" y="617"/>
                  <a:pt x="2546" y="611"/>
                  <a:pt x="2546" y="604"/>
                </a:cubicBezTo>
                <a:cubicBezTo>
                  <a:pt x="2546" y="597"/>
                  <a:pt x="2540" y="591"/>
                  <a:pt x="2533" y="591"/>
                </a:cubicBezTo>
                <a:cubicBezTo>
                  <a:pt x="2526" y="591"/>
                  <a:pt x="2521" y="597"/>
                  <a:pt x="2521" y="604"/>
                </a:cubicBezTo>
                <a:cubicBezTo>
                  <a:pt x="2521" y="611"/>
                  <a:pt x="2526" y="617"/>
                  <a:pt x="2533" y="617"/>
                </a:cubicBezTo>
                <a:close/>
                <a:moveTo>
                  <a:pt x="2573" y="617"/>
                </a:moveTo>
                <a:cubicBezTo>
                  <a:pt x="2580" y="617"/>
                  <a:pt x="2586" y="611"/>
                  <a:pt x="2586" y="604"/>
                </a:cubicBezTo>
                <a:cubicBezTo>
                  <a:pt x="2586" y="597"/>
                  <a:pt x="2580" y="591"/>
                  <a:pt x="2573" y="591"/>
                </a:cubicBezTo>
                <a:cubicBezTo>
                  <a:pt x="2566" y="591"/>
                  <a:pt x="2560" y="597"/>
                  <a:pt x="2560" y="604"/>
                </a:cubicBezTo>
                <a:cubicBezTo>
                  <a:pt x="2560" y="611"/>
                  <a:pt x="2566" y="617"/>
                  <a:pt x="2573" y="617"/>
                </a:cubicBezTo>
                <a:close/>
                <a:moveTo>
                  <a:pt x="2612" y="617"/>
                </a:moveTo>
                <a:cubicBezTo>
                  <a:pt x="2619" y="617"/>
                  <a:pt x="2625" y="611"/>
                  <a:pt x="2625" y="604"/>
                </a:cubicBezTo>
                <a:cubicBezTo>
                  <a:pt x="2625" y="597"/>
                  <a:pt x="2619" y="591"/>
                  <a:pt x="2612" y="591"/>
                </a:cubicBezTo>
                <a:cubicBezTo>
                  <a:pt x="2605" y="591"/>
                  <a:pt x="2599" y="597"/>
                  <a:pt x="2599" y="604"/>
                </a:cubicBezTo>
                <a:cubicBezTo>
                  <a:pt x="2599" y="611"/>
                  <a:pt x="2605" y="617"/>
                  <a:pt x="2612" y="617"/>
                </a:cubicBezTo>
                <a:close/>
                <a:moveTo>
                  <a:pt x="2652" y="617"/>
                </a:moveTo>
                <a:cubicBezTo>
                  <a:pt x="2659" y="617"/>
                  <a:pt x="2664" y="611"/>
                  <a:pt x="2664" y="604"/>
                </a:cubicBezTo>
                <a:cubicBezTo>
                  <a:pt x="2664" y="597"/>
                  <a:pt x="2659" y="591"/>
                  <a:pt x="2652" y="591"/>
                </a:cubicBezTo>
                <a:cubicBezTo>
                  <a:pt x="2645" y="591"/>
                  <a:pt x="2639" y="597"/>
                  <a:pt x="2639" y="604"/>
                </a:cubicBezTo>
                <a:cubicBezTo>
                  <a:pt x="2639" y="611"/>
                  <a:pt x="2645" y="617"/>
                  <a:pt x="2652" y="617"/>
                </a:cubicBezTo>
                <a:close/>
                <a:moveTo>
                  <a:pt x="2691" y="617"/>
                </a:moveTo>
                <a:cubicBezTo>
                  <a:pt x="2698" y="617"/>
                  <a:pt x="2704" y="611"/>
                  <a:pt x="2704" y="604"/>
                </a:cubicBezTo>
                <a:cubicBezTo>
                  <a:pt x="2704" y="597"/>
                  <a:pt x="2698" y="591"/>
                  <a:pt x="2691" y="591"/>
                </a:cubicBezTo>
                <a:cubicBezTo>
                  <a:pt x="2684" y="591"/>
                  <a:pt x="2678" y="597"/>
                  <a:pt x="2678" y="604"/>
                </a:cubicBezTo>
                <a:cubicBezTo>
                  <a:pt x="2678" y="611"/>
                  <a:pt x="2684" y="617"/>
                  <a:pt x="2691" y="617"/>
                </a:cubicBezTo>
                <a:close/>
                <a:moveTo>
                  <a:pt x="2730" y="617"/>
                </a:moveTo>
                <a:cubicBezTo>
                  <a:pt x="2738" y="617"/>
                  <a:pt x="2743" y="611"/>
                  <a:pt x="2743" y="604"/>
                </a:cubicBezTo>
                <a:cubicBezTo>
                  <a:pt x="2743" y="597"/>
                  <a:pt x="2738" y="591"/>
                  <a:pt x="2730" y="591"/>
                </a:cubicBezTo>
                <a:cubicBezTo>
                  <a:pt x="2723" y="591"/>
                  <a:pt x="2718" y="597"/>
                  <a:pt x="2718" y="604"/>
                </a:cubicBezTo>
                <a:cubicBezTo>
                  <a:pt x="2718" y="611"/>
                  <a:pt x="2723" y="617"/>
                  <a:pt x="2730" y="617"/>
                </a:cubicBezTo>
                <a:close/>
                <a:moveTo>
                  <a:pt x="2770" y="617"/>
                </a:moveTo>
                <a:cubicBezTo>
                  <a:pt x="2777" y="617"/>
                  <a:pt x="2783" y="611"/>
                  <a:pt x="2783" y="604"/>
                </a:cubicBezTo>
                <a:cubicBezTo>
                  <a:pt x="2783" y="597"/>
                  <a:pt x="2777" y="591"/>
                  <a:pt x="2770" y="591"/>
                </a:cubicBezTo>
                <a:cubicBezTo>
                  <a:pt x="2763" y="591"/>
                  <a:pt x="2757" y="597"/>
                  <a:pt x="2757" y="604"/>
                </a:cubicBezTo>
                <a:cubicBezTo>
                  <a:pt x="2757" y="611"/>
                  <a:pt x="2763" y="617"/>
                  <a:pt x="2770" y="617"/>
                </a:cubicBezTo>
                <a:close/>
                <a:moveTo>
                  <a:pt x="2809" y="617"/>
                </a:moveTo>
                <a:cubicBezTo>
                  <a:pt x="2816" y="617"/>
                  <a:pt x="2822" y="611"/>
                  <a:pt x="2822" y="604"/>
                </a:cubicBezTo>
                <a:cubicBezTo>
                  <a:pt x="2822" y="597"/>
                  <a:pt x="2816" y="591"/>
                  <a:pt x="2809" y="591"/>
                </a:cubicBezTo>
                <a:cubicBezTo>
                  <a:pt x="2802" y="591"/>
                  <a:pt x="2797" y="597"/>
                  <a:pt x="2797" y="604"/>
                </a:cubicBezTo>
                <a:cubicBezTo>
                  <a:pt x="2797" y="611"/>
                  <a:pt x="2802" y="617"/>
                  <a:pt x="2809" y="617"/>
                </a:cubicBezTo>
                <a:close/>
                <a:moveTo>
                  <a:pt x="2849" y="617"/>
                </a:moveTo>
                <a:cubicBezTo>
                  <a:pt x="2856" y="617"/>
                  <a:pt x="2861" y="611"/>
                  <a:pt x="2861" y="604"/>
                </a:cubicBezTo>
                <a:cubicBezTo>
                  <a:pt x="2861" y="597"/>
                  <a:pt x="2856" y="591"/>
                  <a:pt x="2849" y="591"/>
                </a:cubicBezTo>
                <a:cubicBezTo>
                  <a:pt x="2842" y="591"/>
                  <a:pt x="2836" y="597"/>
                  <a:pt x="2836" y="604"/>
                </a:cubicBezTo>
                <a:cubicBezTo>
                  <a:pt x="2836" y="611"/>
                  <a:pt x="2842" y="617"/>
                  <a:pt x="2849" y="617"/>
                </a:cubicBezTo>
                <a:close/>
                <a:moveTo>
                  <a:pt x="2888" y="617"/>
                </a:moveTo>
                <a:cubicBezTo>
                  <a:pt x="2895" y="617"/>
                  <a:pt x="2901" y="611"/>
                  <a:pt x="2901" y="604"/>
                </a:cubicBezTo>
                <a:cubicBezTo>
                  <a:pt x="2901" y="597"/>
                  <a:pt x="2895" y="591"/>
                  <a:pt x="2888" y="591"/>
                </a:cubicBezTo>
                <a:cubicBezTo>
                  <a:pt x="2881" y="591"/>
                  <a:pt x="2875" y="597"/>
                  <a:pt x="2875" y="604"/>
                </a:cubicBezTo>
                <a:cubicBezTo>
                  <a:pt x="2875" y="611"/>
                  <a:pt x="2881" y="617"/>
                  <a:pt x="2888" y="617"/>
                </a:cubicBezTo>
                <a:close/>
                <a:moveTo>
                  <a:pt x="2928" y="617"/>
                </a:moveTo>
                <a:cubicBezTo>
                  <a:pt x="2935" y="617"/>
                  <a:pt x="2940" y="611"/>
                  <a:pt x="2940" y="604"/>
                </a:cubicBezTo>
                <a:cubicBezTo>
                  <a:pt x="2940" y="597"/>
                  <a:pt x="2935" y="591"/>
                  <a:pt x="2928" y="591"/>
                </a:cubicBezTo>
                <a:cubicBezTo>
                  <a:pt x="2921" y="591"/>
                  <a:pt x="2915" y="597"/>
                  <a:pt x="2915" y="604"/>
                </a:cubicBezTo>
                <a:cubicBezTo>
                  <a:pt x="2915" y="611"/>
                  <a:pt x="2921" y="617"/>
                  <a:pt x="2928" y="617"/>
                </a:cubicBezTo>
                <a:close/>
                <a:moveTo>
                  <a:pt x="2967" y="617"/>
                </a:moveTo>
                <a:cubicBezTo>
                  <a:pt x="2974" y="617"/>
                  <a:pt x="2980" y="611"/>
                  <a:pt x="2980" y="604"/>
                </a:cubicBezTo>
                <a:cubicBezTo>
                  <a:pt x="2980" y="597"/>
                  <a:pt x="2974" y="591"/>
                  <a:pt x="2967" y="591"/>
                </a:cubicBezTo>
                <a:cubicBezTo>
                  <a:pt x="2960" y="591"/>
                  <a:pt x="2954" y="597"/>
                  <a:pt x="2954" y="604"/>
                </a:cubicBezTo>
                <a:cubicBezTo>
                  <a:pt x="2954" y="611"/>
                  <a:pt x="2960" y="617"/>
                  <a:pt x="2967" y="617"/>
                </a:cubicBezTo>
                <a:close/>
                <a:moveTo>
                  <a:pt x="3006" y="617"/>
                </a:moveTo>
                <a:cubicBezTo>
                  <a:pt x="3013" y="617"/>
                  <a:pt x="3019" y="611"/>
                  <a:pt x="3019" y="604"/>
                </a:cubicBezTo>
                <a:cubicBezTo>
                  <a:pt x="3019" y="597"/>
                  <a:pt x="3013" y="591"/>
                  <a:pt x="3006" y="591"/>
                </a:cubicBezTo>
                <a:cubicBezTo>
                  <a:pt x="2999" y="591"/>
                  <a:pt x="2994" y="597"/>
                  <a:pt x="2994" y="604"/>
                </a:cubicBezTo>
                <a:cubicBezTo>
                  <a:pt x="2994" y="611"/>
                  <a:pt x="2999" y="617"/>
                  <a:pt x="3006" y="617"/>
                </a:cubicBezTo>
                <a:close/>
                <a:moveTo>
                  <a:pt x="3046" y="617"/>
                </a:moveTo>
                <a:cubicBezTo>
                  <a:pt x="3053" y="617"/>
                  <a:pt x="3059" y="611"/>
                  <a:pt x="3059" y="604"/>
                </a:cubicBezTo>
                <a:cubicBezTo>
                  <a:pt x="3059" y="597"/>
                  <a:pt x="3053" y="591"/>
                  <a:pt x="3046" y="591"/>
                </a:cubicBezTo>
                <a:cubicBezTo>
                  <a:pt x="3039" y="591"/>
                  <a:pt x="3033" y="597"/>
                  <a:pt x="3033" y="604"/>
                </a:cubicBezTo>
                <a:cubicBezTo>
                  <a:pt x="3033" y="611"/>
                  <a:pt x="3039" y="617"/>
                  <a:pt x="3046" y="617"/>
                </a:cubicBezTo>
                <a:close/>
                <a:moveTo>
                  <a:pt x="3085" y="617"/>
                </a:moveTo>
                <a:cubicBezTo>
                  <a:pt x="3092" y="617"/>
                  <a:pt x="3098" y="611"/>
                  <a:pt x="3098" y="604"/>
                </a:cubicBezTo>
                <a:cubicBezTo>
                  <a:pt x="3098" y="597"/>
                  <a:pt x="3092" y="591"/>
                  <a:pt x="3085" y="591"/>
                </a:cubicBezTo>
                <a:cubicBezTo>
                  <a:pt x="3078" y="591"/>
                  <a:pt x="3073" y="597"/>
                  <a:pt x="3073" y="604"/>
                </a:cubicBezTo>
                <a:cubicBezTo>
                  <a:pt x="3073" y="611"/>
                  <a:pt x="3078" y="617"/>
                  <a:pt x="3085" y="617"/>
                </a:cubicBezTo>
                <a:close/>
                <a:moveTo>
                  <a:pt x="444" y="656"/>
                </a:moveTo>
                <a:cubicBezTo>
                  <a:pt x="451" y="656"/>
                  <a:pt x="457" y="651"/>
                  <a:pt x="457" y="643"/>
                </a:cubicBezTo>
                <a:cubicBezTo>
                  <a:pt x="457" y="636"/>
                  <a:pt x="451" y="631"/>
                  <a:pt x="444" y="631"/>
                </a:cubicBezTo>
                <a:cubicBezTo>
                  <a:pt x="437" y="631"/>
                  <a:pt x="431" y="636"/>
                  <a:pt x="431" y="643"/>
                </a:cubicBezTo>
                <a:cubicBezTo>
                  <a:pt x="431" y="651"/>
                  <a:pt x="437" y="656"/>
                  <a:pt x="444" y="656"/>
                </a:cubicBezTo>
                <a:close/>
                <a:moveTo>
                  <a:pt x="483" y="656"/>
                </a:moveTo>
                <a:cubicBezTo>
                  <a:pt x="490" y="656"/>
                  <a:pt x="496" y="651"/>
                  <a:pt x="496" y="643"/>
                </a:cubicBezTo>
                <a:cubicBezTo>
                  <a:pt x="496" y="636"/>
                  <a:pt x="490" y="631"/>
                  <a:pt x="483" y="631"/>
                </a:cubicBezTo>
                <a:cubicBezTo>
                  <a:pt x="476" y="631"/>
                  <a:pt x="471" y="636"/>
                  <a:pt x="471" y="643"/>
                </a:cubicBezTo>
                <a:cubicBezTo>
                  <a:pt x="471" y="651"/>
                  <a:pt x="476" y="656"/>
                  <a:pt x="483" y="656"/>
                </a:cubicBezTo>
                <a:close/>
                <a:moveTo>
                  <a:pt x="523" y="656"/>
                </a:moveTo>
                <a:cubicBezTo>
                  <a:pt x="530" y="656"/>
                  <a:pt x="535" y="651"/>
                  <a:pt x="535" y="643"/>
                </a:cubicBezTo>
                <a:cubicBezTo>
                  <a:pt x="535" y="636"/>
                  <a:pt x="530" y="631"/>
                  <a:pt x="523" y="631"/>
                </a:cubicBezTo>
                <a:cubicBezTo>
                  <a:pt x="516" y="631"/>
                  <a:pt x="510" y="636"/>
                  <a:pt x="510" y="643"/>
                </a:cubicBezTo>
                <a:cubicBezTo>
                  <a:pt x="510" y="651"/>
                  <a:pt x="516" y="656"/>
                  <a:pt x="523" y="656"/>
                </a:cubicBezTo>
                <a:close/>
                <a:moveTo>
                  <a:pt x="562" y="656"/>
                </a:moveTo>
                <a:cubicBezTo>
                  <a:pt x="569" y="656"/>
                  <a:pt x="575" y="651"/>
                  <a:pt x="575" y="643"/>
                </a:cubicBezTo>
                <a:cubicBezTo>
                  <a:pt x="575" y="636"/>
                  <a:pt x="569" y="631"/>
                  <a:pt x="562" y="631"/>
                </a:cubicBezTo>
                <a:cubicBezTo>
                  <a:pt x="555" y="631"/>
                  <a:pt x="549" y="636"/>
                  <a:pt x="549" y="643"/>
                </a:cubicBezTo>
                <a:cubicBezTo>
                  <a:pt x="549" y="651"/>
                  <a:pt x="555" y="656"/>
                  <a:pt x="562" y="656"/>
                </a:cubicBezTo>
                <a:close/>
                <a:moveTo>
                  <a:pt x="602" y="656"/>
                </a:moveTo>
                <a:cubicBezTo>
                  <a:pt x="609" y="656"/>
                  <a:pt x="614" y="651"/>
                  <a:pt x="614" y="643"/>
                </a:cubicBezTo>
                <a:cubicBezTo>
                  <a:pt x="614" y="636"/>
                  <a:pt x="609" y="631"/>
                  <a:pt x="602" y="631"/>
                </a:cubicBezTo>
                <a:cubicBezTo>
                  <a:pt x="595" y="631"/>
                  <a:pt x="589" y="636"/>
                  <a:pt x="589" y="643"/>
                </a:cubicBezTo>
                <a:cubicBezTo>
                  <a:pt x="589" y="651"/>
                  <a:pt x="595" y="656"/>
                  <a:pt x="602" y="656"/>
                </a:cubicBezTo>
                <a:close/>
                <a:moveTo>
                  <a:pt x="641" y="656"/>
                </a:moveTo>
                <a:cubicBezTo>
                  <a:pt x="648" y="656"/>
                  <a:pt x="654" y="651"/>
                  <a:pt x="654" y="643"/>
                </a:cubicBezTo>
                <a:cubicBezTo>
                  <a:pt x="654" y="636"/>
                  <a:pt x="648" y="631"/>
                  <a:pt x="641" y="631"/>
                </a:cubicBezTo>
                <a:cubicBezTo>
                  <a:pt x="634" y="631"/>
                  <a:pt x="628" y="636"/>
                  <a:pt x="628" y="643"/>
                </a:cubicBezTo>
                <a:cubicBezTo>
                  <a:pt x="628" y="651"/>
                  <a:pt x="634" y="656"/>
                  <a:pt x="641" y="656"/>
                </a:cubicBezTo>
                <a:close/>
                <a:moveTo>
                  <a:pt x="680" y="656"/>
                </a:moveTo>
                <a:cubicBezTo>
                  <a:pt x="687" y="656"/>
                  <a:pt x="693" y="651"/>
                  <a:pt x="693" y="643"/>
                </a:cubicBezTo>
                <a:cubicBezTo>
                  <a:pt x="693" y="636"/>
                  <a:pt x="687" y="631"/>
                  <a:pt x="680" y="631"/>
                </a:cubicBezTo>
                <a:cubicBezTo>
                  <a:pt x="673" y="631"/>
                  <a:pt x="668" y="636"/>
                  <a:pt x="668" y="643"/>
                </a:cubicBezTo>
                <a:cubicBezTo>
                  <a:pt x="668" y="651"/>
                  <a:pt x="673" y="656"/>
                  <a:pt x="680" y="656"/>
                </a:cubicBezTo>
                <a:close/>
                <a:moveTo>
                  <a:pt x="720" y="656"/>
                </a:moveTo>
                <a:cubicBezTo>
                  <a:pt x="727" y="656"/>
                  <a:pt x="733" y="651"/>
                  <a:pt x="733" y="643"/>
                </a:cubicBezTo>
                <a:cubicBezTo>
                  <a:pt x="733" y="636"/>
                  <a:pt x="727" y="631"/>
                  <a:pt x="720" y="631"/>
                </a:cubicBezTo>
                <a:cubicBezTo>
                  <a:pt x="713" y="631"/>
                  <a:pt x="707" y="636"/>
                  <a:pt x="707" y="643"/>
                </a:cubicBezTo>
                <a:cubicBezTo>
                  <a:pt x="707" y="651"/>
                  <a:pt x="713" y="656"/>
                  <a:pt x="720" y="656"/>
                </a:cubicBezTo>
                <a:close/>
                <a:moveTo>
                  <a:pt x="759" y="656"/>
                </a:moveTo>
                <a:cubicBezTo>
                  <a:pt x="766" y="656"/>
                  <a:pt x="772" y="651"/>
                  <a:pt x="772" y="643"/>
                </a:cubicBezTo>
                <a:cubicBezTo>
                  <a:pt x="772" y="636"/>
                  <a:pt x="766" y="631"/>
                  <a:pt x="759" y="631"/>
                </a:cubicBezTo>
                <a:cubicBezTo>
                  <a:pt x="752" y="631"/>
                  <a:pt x="747" y="636"/>
                  <a:pt x="747" y="643"/>
                </a:cubicBezTo>
                <a:cubicBezTo>
                  <a:pt x="747" y="651"/>
                  <a:pt x="752" y="656"/>
                  <a:pt x="759" y="656"/>
                </a:cubicBezTo>
                <a:close/>
                <a:moveTo>
                  <a:pt x="799" y="656"/>
                </a:moveTo>
                <a:cubicBezTo>
                  <a:pt x="806" y="656"/>
                  <a:pt x="811" y="651"/>
                  <a:pt x="811" y="643"/>
                </a:cubicBezTo>
                <a:cubicBezTo>
                  <a:pt x="811" y="636"/>
                  <a:pt x="806" y="631"/>
                  <a:pt x="799" y="631"/>
                </a:cubicBezTo>
                <a:cubicBezTo>
                  <a:pt x="792" y="631"/>
                  <a:pt x="786" y="636"/>
                  <a:pt x="786" y="643"/>
                </a:cubicBezTo>
                <a:cubicBezTo>
                  <a:pt x="786" y="651"/>
                  <a:pt x="792" y="656"/>
                  <a:pt x="799" y="656"/>
                </a:cubicBezTo>
                <a:close/>
                <a:moveTo>
                  <a:pt x="838" y="656"/>
                </a:moveTo>
                <a:cubicBezTo>
                  <a:pt x="845" y="656"/>
                  <a:pt x="851" y="651"/>
                  <a:pt x="851" y="643"/>
                </a:cubicBezTo>
                <a:cubicBezTo>
                  <a:pt x="851" y="636"/>
                  <a:pt x="845" y="631"/>
                  <a:pt x="838" y="631"/>
                </a:cubicBezTo>
                <a:cubicBezTo>
                  <a:pt x="831" y="631"/>
                  <a:pt x="825" y="636"/>
                  <a:pt x="825" y="643"/>
                </a:cubicBezTo>
                <a:cubicBezTo>
                  <a:pt x="825" y="651"/>
                  <a:pt x="831" y="656"/>
                  <a:pt x="838" y="656"/>
                </a:cubicBezTo>
                <a:close/>
                <a:moveTo>
                  <a:pt x="917" y="656"/>
                </a:moveTo>
                <a:cubicBezTo>
                  <a:pt x="924" y="656"/>
                  <a:pt x="930" y="651"/>
                  <a:pt x="930" y="643"/>
                </a:cubicBezTo>
                <a:cubicBezTo>
                  <a:pt x="930" y="636"/>
                  <a:pt x="924" y="631"/>
                  <a:pt x="917" y="631"/>
                </a:cubicBezTo>
                <a:cubicBezTo>
                  <a:pt x="910" y="631"/>
                  <a:pt x="904" y="636"/>
                  <a:pt x="904" y="643"/>
                </a:cubicBezTo>
                <a:cubicBezTo>
                  <a:pt x="904" y="651"/>
                  <a:pt x="910" y="656"/>
                  <a:pt x="917" y="656"/>
                </a:cubicBezTo>
                <a:close/>
                <a:moveTo>
                  <a:pt x="956" y="656"/>
                </a:moveTo>
                <a:cubicBezTo>
                  <a:pt x="963" y="656"/>
                  <a:pt x="969" y="651"/>
                  <a:pt x="969" y="643"/>
                </a:cubicBezTo>
                <a:cubicBezTo>
                  <a:pt x="969" y="636"/>
                  <a:pt x="963" y="631"/>
                  <a:pt x="956" y="631"/>
                </a:cubicBezTo>
                <a:cubicBezTo>
                  <a:pt x="949" y="631"/>
                  <a:pt x="944" y="636"/>
                  <a:pt x="944" y="643"/>
                </a:cubicBezTo>
                <a:cubicBezTo>
                  <a:pt x="944" y="651"/>
                  <a:pt x="949" y="656"/>
                  <a:pt x="956" y="656"/>
                </a:cubicBezTo>
                <a:close/>
                <a:moveTo>
                  <a:pt x="996" y="656"/>
                </a:moveTo>
                <a:cubicBezTo>
                  <a:pt x="1003" y="656"/>
                  <a:pt x="1009" y="651"/>
                  <a:pt x="1009" y="643"/>
                </a:cubicBezTo>
                <a:cubicBezTo>
                  <a:pt x="1009" y="636"/>
                  <a:pt x="1003" y="631"/>
                  <a:pt x="996" y="631"/>
                </a:cubicBezTo>
                <a:cubicBezTo>
                  <a:pt x="989" y="631"/>
                  <a:pt x="983" y="636"/>
                  <a:pt x="983" y="643"/>
                </a:cubicBezTo>
                <a:cubicBezTo>
                  <a:pt x="983" y="651"/>
                  <a:pt x="989" y="656"/>
                  <a:pt x="996" y="656"/>
                </a:cubicBezTo>
                <a:close/>
                <a:moveTo>
                  <a:pt x="1035" y="656"/>
                </a:moveTo>
                <a:cubicBezTo>
                  <a:pt x="1042" y="656"/>
                  <a:pt x="1048" y="651"/>
                  <a:pt x="1048" y="643"/>
                </a:cubicBezTo>
                <a:cubicBezTo>
                  <a:pt x="1048" y="636"/>
                  <a:pt x="1042" y="631"/>
                  <a:pt x="1035" y="631"/>
                </a:cubicBezTo>
                <a:cubicBezTo>
                  <a:pt x="1028" y="631"/>
                  <a:pt x="1022" y="636"/>
                  <a:pt x="1022" y="643"/>
                </a:cubicBezTo>
                <a:cubicBezTo>
                  <a:pt x="1022" y="651"/>
                  <a:pt x="1028" y="656"/>
                  <a:pt x="1035" y="656"/>
                </a:cubicBezTo>
                <a:close/>
                <a:moveTo>
                  <a:pt x="1705" y="656"/>
                </a:moveTo>
                <a:cubicBezTo>
                  <a:pt x="1712" y="656"/>
                  <a:pt x="1718" y="651"/>
                  <a:pt x="1718" y="643"/>
                </a:cubicBezTo>
                <a:cubicBezTo>
                  <a:pt x="1718" y="636"/>
                  <a:pt x="1712" y="631"/>
                  <a:pt x="1705" y="631"/>
                </a:cubicBezTo>
                <a:cubicBezTo>
                  <a:pt x="1698" y="631"/>
                  <a:pt x="1693" y="636"/>
                  <a:pt x="1693" y="643"/>
                </a:cubicBezTo>
                <a:cubicBezTo>
                  <a:pt x="1693" y="651"/>
                  <a:pt x="1698" y="656"/>
                  <a:pt x="1705" y="656"/>
                </a:cubicBezTo>
                <a:close/>
                <a:moveTo>
                  <a:pt x="1745" y="656"/>
                </a:moveTo>
                <a:cubicBezTo>
                  <a:pt x="1752" y="656"/>
                  <a:pt x="1758" y="651"/>
                  <a:pt x="1758" y="643"/>
                </a:cubicBezTo>
                <a:cubicBezTo>
                  <a:pt x="1758" y="636"/>
                  <a:pt x="1752" y="631"/>
                  <a:pt x="1745" y="631"/>
                </a:cubicBezTo>
                <a:cubicBezTo>
                  <a:pt x="1738" y="631"/>
                  <a:pt x="1732" y="636"/>
                  <a:pt x="1732" y="643"/>
                </a:cubicBezTo>
                <a:cubicBezTo>
                  <a:pt x="1732" y="651"/>
                  <a:pt x="1738" y="656"/>
                  <a:pt x="1745" y="656"/>
                </a:cubicBezTo>
                <a:close/>
                <a:moveTo>
                  <a:pt x="1784" y="656"/>
                </a:moveTo>
                <a:cubicBezTo>
                  <a:pt x="1791" y="656"/>
                  <a:pt x="1797" y="651"/>
                  <a:pt x="1797" y="643"/>
                </a:cubicBezTo>
                <a:cubicBezTo>
                  <a:pt x="1797" y="636"/>
                  <a:pt x="1791" y="631"/>
                  <a:pt x="1784" y="631"/>
                </a:cubicBezTo>
                <a:cubicBezTo>
                  <a:pt x="1777" y="631"/>
                  <a:pt x="1772" y="636"/>
                  <a:pt x="1772" y="643"/>
                </a:cubicBezTo>
                <a:cubicBezTo>
                  <a:pt x="1772" y="651"/>
                  <a:pt x="1777" y="656"/>
                  <a:pt x="1784" y="656"/>
                </a:cubicBezTo>
                <a:close/>
                <a:moveTo>
                  <a:pt x="1863" y="656"/>
                </a:moveTo>
                <a:cubicBezTo>
                  <a:pt x="1870" y="656"/>
                  <a:pt x="1876" y="651"/>
                  <a:pt x="1876" y="643"/>
                </a:cubicBezTo>
                <a:cubicBezTo>
                  <a:pt x="1876" y="636"/>
                  <a:pt x="1870" y="631"/>
                  <a:pt x="1863" y="631"/>
                </a:cubicBezTo>
                <a:cubicBezTo>
                  <a:pt x="1856" y="631"/>
                  <a:pt x="1850" y="636"/>
                  <a:pt x="1850" y="643"/>
                </a:cubicBezTo>
                <a:cubicBezTo>
                  <a:pt x="1850" y="651"/>
                  <a:pt x="1856" y="656"/>
                  <a:pt x="1863" y="656"/>
                </a:cubicBezTo>
                <a:close/>
                <a:moveTo>
                  <a:pt x="1903" y="656"/>
                </a:moveTo>
                <a:cubicBezTo>
                  <a:pt x="1910" y="656"/>
                  <a:pt x="1915" y="651"/>
                  <a:pt x="1915" y="643"/>
                </a:cubicBezTo>
                <a:cubicBezTo>
                  <a:pt x="1915" y="636"/>
                  <a:pt x="1910" y="631"/>
                  <a:pt x="1903" y="631"/>
                </a:cubicBezTo>
                <a:cubicBezTo>
                  <a:pt x="1896" y="631"/>
                  <a:pt x="1890" y="636"/>
                  <a:pt x="1890" y="643"/>
                </a:cubicBezTo>
                <a:cubicBezTo>
                  <a:pt x="1890" y="651"/>
                  <a:pt x="1896" y="656"/>
                  <a:pt x="1903" y="656"/>
                </a:cubicBezTo>
                <a:close/>
                <a:moveTo>
                  <a:pt x="1942" y="656"/>
                </a:moveTo>
                <a:cubicBezTo>
                  <a:pt x="1949" y="656"/>
                  <a:pt x="1955" y="651"/>
                  <a:pt x="1955" y="643"/>
                </a:cubicBezTo>
                <a:cubicBezTo>
                  <a:pt x="1955" y="636"/>
                  <a:pt x="1949" y="631"/>
                  <a:pt x="1942" y="631"/>
                </a:cubicBezTo>
                <a:cubicBezTo>
                  <a:pt x="1935" y="631"/>
                  <a:pt x="1929" y="636"/>
                  <a:pt x="1929" y="643"/>
                </a:cubicBezTo>
                <a:cubicBezTo>
                  <a:pt x="1929" y="651"/>
                  <a:pt x="1935" y="656"/>
                  <a:pt x="1942" y="656"/>
                </a:cubicBezTo>
                <a:close/>
                <a:moveTo>
                  <a:pt x="1994" y="643"/>
                </a:moveTo>
                <a:cubicBezTo>
                  <a:pt x="1994" y="636"/>
                  <a:pt x="1988" y="631"/>
                  <a:pt x="1981" y="631"/>
                </a:cubicBezTo>
                <a:cubicBezTo>
                  <a:pt x="1974" y="631"/>
                  <a:pt x="1969" y="636"/>
                  <a:pt x="1969" y="643"/>
                </a:cubicBezTo>
                <a:cubicBezTo>
                  <a:pt x="1969" y="650"/>
                  <a:pt x="1974" y="656"/>
                  <a:pt x="1981" y="656"/>
                </a:cubicBezTo>
                <a:cubicBezTo>
                  <a:pt x="1988" y="656"/>
                  <a:pt x="1994" y="650"/>
                  <a:pt x="1994" y="643"/>
                </a:cubicBezTo>
                <a:close/>
                <a:moveTo>
                  <a:pt x="2100" y="656"/>
                </a:moveTo>
                <a:cubicBezTo>
                  <a:pt x="2107" y="656"/>
                  <a:pt x="2112" y="651"/>
                  <a:pt x="2112" y="643"/>
                </a:cubicBezTo>
                <a:cubicBezTo>
                  <a:pt x="2112" y="636"/>
                  <a:pt x="2107" y="631"/>
                  <a:pt x="2100" y="631"/>
                </a:cubicBezTo>
                <a:cubicBezTo>
                  <a:pt x="2093" y="631"/>
                  <a:pt x="2087" y="636"/>
                  <a:pt x="2087" y="643"/>
                </a:cubicBezTo>
                <a:cubicBezTo>
                  <a:pt x="2087" y="651"/>
                  <a:pt x="2093" y="656"/>
                  <a:pt x="2100" y="656"/>
                </a:cubicBezTo>
                <a:close/>
                <a:moveTo>
                  <a:pt x="2139" y="656"/>
                </a:moveTo>
                <a:cubicBezTo>
                  <a:pt x="2146" y="656"/>
                  <a:pt x="2152" y="651"/>
                  <a:pt x="2152" y="643"/>
                </a:cubicBezTo>
                <a:cubicBezTo>
                  <a:pt x="2152" y="636"/>
                  <a:pt x="2146" y="631"/>
                  <a:pt x="2139" y="631"/>
                </a:cubicBezTo>
                <a:cubicBezTo>
                  <a:pt x="2132" y="631"/>
                  <a:pt x="2126" y="636"/>
                  <a:pt x="2126" y="643"/>
                </a:cubicBezTo>
                <a:cubicBezTo>
                  <a:pt x="2126" y="651"/>
                  <a:pt x="2132" y="656"/>
                  <a:pt x="2139" y="656"/>
                </a:cubicBezTo>
                <a:close/>
                <a:moveTo>
                  <a:pt x="2218" y="631"/>
                </a:moveTo>
                <a:cubicBezTo>
                  <a:pt x="2211" y="631"/>
                  <a:pt x="2205" y="636"/>
                  <a:pt x="2205" y="643"/>
                </a:cubicBezTo>
                <a:cubicBezTo>
                  <a:pt x="2205" y="650"/>
                  <a:pt x="2211" y="656"/>
                  <a:pt x="2218" y="656"/>
                </a:cubicBezTo>
                <a:cubicBezTo>
                  <a:pt x="2225" y="656"/>
                  <a:pt x="2231" y="650"/>
                  <a:pt x="2231" y="643"/>
                </a:cubicBezTo>
                <a:cubicBezTo>
                  <a:pt x="2231" y="636"/>
                  <a:pt x="2225" y="631"/>
                  <a:pt x="2218" y="631"/>
                </a:cubicBezTo>
                <a:close/>
                <a:moveTo>
                  <a:pt x="2257" y="656"/>
                </a:moveTo>
                <a:cubicBezTo>
                  <a:pt x="2264" y="656"/>
                  <a:pt x="2270" y="651"/>
                  <a:pt x="2270" y="643"/>
                </a:cubicBezTo>
                <a:cubicBezTo>
                  <a:pt x="2270" y="636"/>
                  <a:pt x="2264" y="631"/>
                  <a:pt x="2257" y="631"/>
                </a:cubicBezTo>
                <a:cubicBezTo>
                  <a:pt x="2250" y="631"/>
                  <a:pt x="2245" y="636"/>
                  <a:pt x="2245" y="643"/>
                </a:cubicBezTo>
                <a:cubicBezTo>
                  <a:pt x="2245" y="651"/>
                  <a:pt x="2250" y="656"/>
                  <a:pt x="2257" y="656"/>
                </a:cubicBezTo>
                <a:close/>
                <a:moveTo>
                  <a:pt x="2297" y="631"/>
                </a:moveTo>
                <a:cubicBezTo>
                  <a:pt x="2290" y="631"/>
                  <a:pt x="2284" y="636"/>
                  <a:pt x="2284" y="643"/>
                </a:cubicBezTo>
                <a:cubicBezTo>
                  <a:pt x="2284" y="650"/>
                  <a:pt x="2290" y="656"/>
                  <a:pt x="2297" y="656"/>
                </a:cubicBezTo>
                <a:cubicBezTo>
                  <a:pt x="2304" y="656"/>
                  <a:pt x="2310" y="650"/>
                  <a:pt x="2310" y="643"/>
                </a:cubicBezTo>
                <a:cubicBezTo>
                  <a:pt x="2310" y="636"/>
                  <a:pt x="2304" y="631"/>
                  <a:pt x="2297" y="631"/>
                </a:cubicBezTo>
                <a:close/>
                <a:moveTo>
                  <a:pt x="2336" y="656"/>
                </a:moveTo>
                <a:cubicBezTo>
                  <a:pt x="2343" y="656"/>
                  <a:pt x="2349" y="651"/>
                  <a:pt x="2349" y="643"/>
                </a:cubicBezTo>
                <a:cubicBezTo>
                  <a:pt x="2349" y="636"/>
                  <a:pt x="2343" y="631"/>
                  <a:pt x="2336" y="631"/>
                </a:cubicBezTo>
                <a:cubicBezTo>
                  <a:pt x="2329" y="631"/>
                  <a:pt x="2323" y="636"/>
                  <a:pt x="2323" y="643"/>
                </a:cubicBezTo>
                <a:cubicBezTo>
                  <a:pt x="2323" y="651"/>
                  <a:pt x="2329" y="656"/>
                  <a:pt x="2336" y="656"/>
                </a:cubicBezTo>
                <a:close/>
                <a:moveTo>
                  <a:pt x="2376" y="656"/>
                </a:moveTo>
                <a:cubicBezTo>
                  <a:pt x="2383" y="656"/>
                  <a:pt x="2388" y="651"/>
                  <a:pt x="2388" y="643"/>
                </a:cubicBezTo>
                <a:cubicBezTo>
                  <a:pt x="2388" y="636"/>
                  <a:pt x="2383" y="631"/>
                  <a:pt x="2376" y="631"/>
                </a:cubicBezTo>
                <a:cubicBezTo>
                  <a:pt x="2369" y="631"/>
                  <a:pt x="2363" y="636"/>
                  <a:pt x="2363" y="643"/>
                </a:cubicBezTo>
                <a:cubicBezTo>
                  <a:pt x="2363" y="651"/>
                  <a:pt x="2369" y="656"/>
                  <a:pt x="2376" y="656"/>
                </a:cubicBezTo>
                <a:close/>
                <a:moveTo>
                  <a:pt x="2415" y="656"/>
                </a:moveTo>
                <a:cubicBezTo>
                  <a:pt x="2422" y="656"/>
                  <a:pt x="2428" y="651"/>
                  <a:pt x="2428" y="643"/>
                </a:cubicBezTo>
                <a:cubicBezTo>
                  <a:pt x="2428" y="636"/>
                  <a:pt x="2422" y="631"/>
                  <a:pt x="2415" y="631"/>
                </a:cubicBezTo>
                <a:cubicBezTo>
                  <a:pt x="2408" y="631"/>
                  <a:pt x="2402" y="636"/>
                  <a:pt x="2402" y="643"/>
                </a:cubicBezTo>
                <a:cubicBezTo>
                  <a:pt x="2402" y="651"/>
                  <a:pt x="2408" y="656"/>
                  <a:pt x="2415" y="656"/>
                </a:cubicBezTo>
                <a:close/>
                <a:moveTo>
                  <a:pt x="2455" y="656"/>
                </a:moveTo>
                <a:cubicBezTo>
                  <a:pt x="2462" y="656"/>
                  <a:pt x="2467" y="651"/>
                  <a:pt x="2467" y="643"/>
                </a:cubicBezTo>
                <a:cubicBezTo>
                  <a:pt x="2467" y="636"/>
                  <a:pt x="2462" y="631"/>
                  <a:pt x="2455" y="631"/>
                </a:cubicBezTo>
                <a:cubicBezTo>
                  <a:pt x="2447" y="631"/>
                  <a:pt x="2442" y="636"/>
                  <a:pt x="2442" y="643"/>
                </a:cubicBezTo>
                <a:cubicBezTo>
                  <a:pt x="2442" y="651"/>
                  <a:pt x="2447" y="656"/>
                  <a:pt x="2455" y="656"/>
                </a:cubicBezTo>
                <a:close/>
                <a:moveTo>
                  <a:pt x="2494" y="656"/>
                </a:moveTo>
                <a:cubicBezTo>
                  <a:pt x="2501" y="656"/>
                  <a:pt x="2507" y="651"/>
                  <a:pt x="2507" y="643"/>
                </a:cubicBezTo>
                <a:cubicBezTo>
                  <a:pt x="2507" y="636"/>
                  <a:pt x="2501" y="631"/>
                  <a:pt x="2494" y="631"/>
                </a:cubicBezTo>
                <a:cubicBezTo>
                  <a:pt x="2487" y="631"/>
                  <a:pt x="2481" y="636"/>
                  <a:pt x="2481" y="643"/>
                </a:cubicBezTo>
                <a:cubicBezTo>
                  <a:pt x="2481" y="651"/>
                  <a:pt x="2487" y="656"/>
                  <a:pt x="2494" y="656"/>
                </a:cubicBezTo>
                <a:close/>
                <a:moveTo>
                  <a:pt x="2533" y="656"/>
                </a:moveTo>
                <a:cubicBezTo>
                  <a:pt x="2540" y="656"/>
                  <a:pt x="2546" y="651"/>
                  <a:pt x="2546" y="643"/>
                </a:cubicBezTo>
                <a:cubicBezTo>
                  <a:pt x="2546" y="636"/>
                  <a:pt x="2540" y="631"/>
                  <a:pt x="2533" y="631"/>
                </a:cubicBezTo>
                <a:cubicBezTo>
                  <a:pt x="2526" y="631"/>
                  <a:pt x="2521" y="636"/>
                  <a:pt x="2521" y="643"/>
                </a:cubicBezTo>
                <a:cubicBezTo>
                  <a:pt x="2521" y="651"/>
                  <a:pt x="2526" y="656"/>
                  <a:pt x="2533" y="656"/>
                </a:cubicBezTo>
                <a:close/>
                <a:moveTo>
                  <a:pt x="2573" y="656"/>
                </a:moveTo>
                <a:cubicBezTo>
                  <a:pt x="2580" y="656"/>
                  <a:pt x="2586" y="651"/>
                  <a:pt x="2586" y="643"/>
                </a:cubicBezTo>
                <a:cubicBezTo>
                  <a:pt x="2586" y="636"/>
                  <a:pt x="2580" y="631"/>
                  <a:pt x="2573" y="631"/>
                </a:cubicBezTo>
                <a:cubicBezTo>
                  <a:pt x="2566" y="631"/>
                  <a:pt x="2560" y="636"/>
                  <a:pt x="2560" y="643"/>
                </a:cubicBezTo>
                <a:cubicBezTo>
                  <a:pt x="2560" y="651"/>
                  <a:pt x="2566" y="656"/>
                  <a:pt x="2573" y="656"/>
                </a:cubicBezTo>
                <a:close/>
                <a:moveTo>
                  <a:pt x="2612" y="656"/>
                </a:moveTo>
                <a:cubicBezTo>
                  <a:pt x="2619" y="656"/>
                  <a:pt x="2625" y="651"/>
                  <a:pt x="2625" y="643"/>
                </a:cubicBezTo>
                <a:cubicBezTo>
                  <a:pt x="2625" y="636"/>
                  <a:pt x="2619" y="631"/>
                  <a:pt x="2612" y="631"/>
                </a:cubicBezTo>
                <a:cubicBezTo>
                  <a:pt x="2605" y="631"/>
                  <a:pt x="2599" y="636"/>
                  <a:pt x="2599" y="643"/>
                </a:cubicBezTo>
                <a:cubicBezTo>
                  <a:pt x="2599" y="651"/>
                  <a:pt x="2605" y="656"/>
                  <a:pt x="2612" y="656"/>
                </a:cubicBezTo>
                <a:close/>
                <a:moveTo>
                  <a:pt x="2652" y="656"/>
                </a:moveTo>
                <a:cubicBezTo>
                  <a:pt x="2659" y="656"/>
                  <a:pt x="2664" y="651"/>
                  <a:pt x="2664" y="643"/>
                </a:cubicBezTo>
                <a:cubicBezTo>
                  <a:pt x="2664" y="636"/>
                  <a:pt x="2659" y="631"/>
                  <a:pt x="2652" y="631"/>
                </a:cubicBezTo>
                <a:cubicBezTo>
                  <a:pt x="2645" y="631"/>
                  <a:pt x="2639" y="636"/>
                  <a:pt x="2639" y="643"/>
                </a:cubicBezTo>
                <a:cubicBezTo>
                  <a:pt x="2639" y="651"/>
                  <a:pt x="2645" y="656"/>
                  <a:pt x="2652" y="656"/>
                </a:cubicBezTo>
                <a:close/>
                <a:moveTo>
                  <a:pt x="2691" y="656"/>
                </a:moveTo>
                <a:cubicBezTo>
                  <a:pt x="2698" y="656"/>
                  <a:pt x="2704" y="651"/>
                  <a:pt x="2704" y="643"/>
                </a:cubicBezTo>
                <a:cubicBezTo>
                  <a:pt x="2704" y="636"/>
                  <a:pt x="2698" y="631"/>
                  <a:pt x="2691" y="631"/>
                </a:cubicBezTo>
                <a:cubicBezTo>
                  <a:pt x="2684" y="631"/>
                  <a:pt x="2678" y="636"/>
                  <a:pt x="2678" y="643"/>
                </a:cubicBezTo>
                <a:cubicBezTo>
                  <a:pt x="2678" y="651"/>
                  <a:pt x="2684" y="656"/>
                  <a:pt x="2691" y="656"/>
                </a:cubicBezTo>
                <a:close/>
                <a:moveTo>
                  <a:pt x="2730" y="656"/>
                </a:moveTo>
                <a:cubicBezTo>
                  <a:pt x="2738" y="656"/>
                  <a:pt x="2743" y="651"/>
                  <a:pt x="2743" y="643"/>
                </a:cubicBezTo>
                <a:cubicBezTo>
                  <a:pt x="2743" y="636"/>
                  <a:pt x="2738" y="631"/>
                  <a:pt x="2730" y="631"/>
                </a:cubicBezTo>
                <a:cubicBezTo>
                  <a:pt x="2723" y="631"/>
                  <a:pt x="2718" y="636"/>
                  <a:pt x="2718" y="643"/>
                </a:cubicBezTo>
                <a:cubicBezTo>
                  <a:pt x="2718" y="651"/>
                  <a:pt x="2723" y="656"/>
                  <a:pt x="2730" y="656"/>
                </a:cubicBezTo>
                <a:close/>
                <a:moveTo>
                  <a:pt x="2770" y="656"/>
                </a:moveTo>
                <a:cubicBezTo>
                  <a:pt x="2777" y="656"/>
                  <a:pt x="2783" y="651"/>
                  <a:pt x="2783" y="643"/>
                </a:cubicBezTo>
                <a:cubicBezTo>
                  <a:pt x="2783" y="636"/>
                  <a:pt x="2777" y="631"/>
                  <a:pt x="2770" y="631"/>
                </a:cubicBezTo>
                <a:cubicBezTo>
                  <a:pt x="2763" y="631"/>
                  <a:pt x="2757" y="636"/>
                  <a:pt x="2757" y="643"/>
                </a:cubicBezTo>
                <a:cubicBezTo>
                  <a:pt x="2757" y="651"/>
                  <a:pt x="2763" y="656"/>
                  <a:pt x="2770" y="656"/>
                </a:cubicBezTo>
                <a:close/>
                <a:moveTo>
                  <a:pt x="2809" y="656"/>
                </a:moveTo>
                <a:cubicBezTo>
                  <a:pt x="2816" y="656"/>
                  <a:pt x="2822" y="651"/>
                  <a:pt x="2822" y="643"/>
                </a:cubicBezTo>
                <a:cubicBezTo>
                  <a:pt x="2822" y="636"/>
                  <a:pt x="2816" y="631"/>
                  <a:pt x="2809" y="631"/>
                </a:cubicBezTo>
                <a:cubicBezTo>
                  <a:pt x="2802" y="631"/>
                  <a:pt x="2797" y="636"/>
                  <a:pt x="2797" y="643"/>
                </a:cubicBezTo>
                <a:cubicBezTo>
                  <a:pt x="2797" y="651"/>
                  <a:pt x="2802" y="656"/>
                  <a:pt x="2809" y="656"/>
                </a:cubicBezTo>
                <a:close/>
                <a:moveTo>
                  <a:pt x="2849" y="656"/>
                </a:moveTo>
                <a:cubicBezTo>
                  <a:pt x="2856" y="656"/>
                  <a:pt x="2862" y="651"/>
                  <a:pt x="2862" y="643"/>
                </a:cubicBezTo>
                <a:cubicBezTo>
                  <a:pt x="2862" y="636"/>
                  <a:pt x="2856" y="631"/>
                  <a:pt x="2849" y="631"/>
                </a:cubicBezTo>
                <a:cubicBezTo>
                  <a:pt x="2842" y="631"/>
                  <a:pt x="2836" y="636"/>
                  <a:pt x="2836" y="643"/>
                </a:cubicBezTo>
                <a:cubicBezTo>
                  <a:pt x="2836" y="651"/>
                  <a:pt x="2842" y="656"/>
                  <a:pt x="2849" y="656"/>
                </a:cubicBezTo>
                <a:close/>
                <a:moveTo>
                  <a:pt x="2888" y="656"/>
                </a:moveTo>
                <a:cubicBezTo>
                  <a:pt x="2895" y="656"/>
                  <a:pt x="2901" y="651"/>
                  <a:pt x="2901" y="643"/>
                </a:cubicBezTo>
                <a:cubicBezTo>
                  <a:pt x="2901" y="636"/>
                  <a:pt x="2895" y="631"/>
                  <a:pt x="2888" y="631"/>
                </a:cubicBezTo>
                <a:cubicBezTo>
                  <a:pt x="2881" y="631"/>
                  <a:pt x="2875" y="636"/>
                  <a:pt x="2875" y="643"/>
                </a:cubicBezTo>
                <a:cubicBezTo>
                  <a:pt x="2875" y="651"/>
                  <a:pt x="2881" y="656"/>
                  <a:pt x="2888" y="656"/>
                </a:cubicBezTo>
                <a:close/>
                <a:moveTo>
                  <a:pt x="2928" y="656"/>
                </a:moveTo>
                <a:cubicBezTo>
                  <a:pt x="2935" y="656"/>
                  <a:pt x="2940" y="651"/>
                  <a:pt x="2940" y="643"/>
                </a:cubicBezTo>
                <a:cubicBezTo>
                  <a:pt x="2940" y="636"/>
                  <a:pt x="2935" y="631"/>
                  <a:pt x="2928" y="631"/>
                </a:cubicBezTo>
                <a:cubicBezTo>
                  <a:pt x="2921" y="631"/>
                  <a:pt x="2915" y="636"/>
                  <a:pt x="2915" y="643"/>
                </a:cubicBezTo>
                <a:cubicBezTo>
                  <a:pt x="2915" y="651"/>
                  <a:pt x="2921" y="656"/>
                  <a:pt x="2928" y="656"/>
                </a:cubicBezTo>
                <a:close/>
                <a:moveTo>
                  <a:pt x="2967" y="656"/>
                </a:moveTo>
                <a:cubicBezTo>
                  <a:pt x="2974" y="656"/>
                  <a:pt x="2980" y="651"/>
                  <a:pt x="2980" y="643"/>
                </a:cubicBezTo>
                <a:cubicBezTo>
                  <a:pt x="2980" y="636"/>
                  <a:pt x="2974" y="631"/>
                  <a:pt x="2967" y="631"/>
                </a:cubicBezTo>
                <a:cubicBezTo>
                  <a:pt x="2960" y="631"/>
                  <a:pt x="2954" y="636"/>
                  <a:pt x="2954" y="643"/>
                </a:cubicBezTo>
                <a:cubicBezTo>
                  <a:pt x="2954" y="651"/>
                  <a:pt x="2960" y="656"/>
                  <a:pt x="2967" y="656"/>
                </a:cubicBezTo>
                <a:close/>
                <a:moveTo>
                  <a:pt x="3006" y="656"/>
                </a:moveTo>
                <a:cubicBezTo>
                  <a:pt x="3013" y="656"/>
                  <a:pt x="3019" y="651"/>
                  <a:pt x="3019" y="643"/>
                </a:cubicBezTo>
                <a:cubicBezTo>
                  <a:pt x="3019" y="636"/>
                  <a:pt x="3013" y="631"/>
                  <a:pt x="3006" y="631"/>
                </a:cubicBezTo>
                <a:cubicBezTo>
                  <a:pt x="2999" y="631"/>
                  <a:pt x="2994" y="636"/>
                  <a:pt x="2994" y="643"/>
                </a:cubicBezTo>
                <a:cubicBezTo>
                  <a:pt x="2994" y="651"/>
                  <a:pt x="2999" y="656"/>
                  <a:pt x="3006" y="656"/>
                </a:cubicBezTo>
                <a:close/>
                <a:moveTo>
                  <a:pt x="3046" y="656"/>
                </a:moveTo>
                <a:cubicBezTo>
                  <a:pt x="3053" y="656"/>
                  <a:pt x="3059" y="651"/>
                  <a:pt x="3059" y="643"/>
                </a:cubicBezTo>
                <a:cubicBezTo>
                  <a:pt x="3059" y="636"/>
                  <a:pt x="3053" y="631"/>
                  <a:pt x="3046" y="631"/>
                </a:cubicBezTo>
                <a:cubicBezTo>
                  <a:pt x="3039" y="631"/>
                  <a:pt x="3033" y="636"/>
                  <a:pt x="3033" y="643"/>
                </a:cubicBezTo>
                <a:cubicBezTo>
                  <a:pt x="3033" y="651"/>
                  <a:pt x="3039" y="656"/>
                  <a:pt x="3046" y="656"/>
                </a:cubicBezTo>
                <a:close/>
                <a:moveTo>
                  <a:pt x="444" y="670"/>
                </a:moveTo>
                <a:cubicBezTo>
                  <a:pt x="437" y="670"/>
                  <a:pt x="431" y="676"/>
                  <a:pt x="431" y="683"/>
                </a:cubicBezTo>
                <a:cubicBezTo>
                  <a:pt x="431" y="690"/>
                  <a:pt x="437" y="696"/>
                  <a:pt x="444" y="696"/>
                </a:cubicBezTo>
                <a:cubicBezTo>
                  <a:pt x="451" y="696"/>
                  <a:pt x="457" y="690"/>
                  <a:pt x="457" y="683"/>
                </a:cubicBezTo>
                <a:cubicBezTo>
                  <a:pt x="457" y="676"/>
                  <a:pt x="451" y="670"/>
                  <a:pt x="444" y="670"/>
                </a:cubicBezTo>
                <a:close/>
                <a:moveTo>
                  <a:pt x="483" y="696"/>
                </a:moveTo>
                <a:cubicBezTo>
                  <a:pt x="490" y="696"/>
                  <a:pt x="496" y="690"/>
                  <a:pt x="496" y="683"/>
                </a:cubicBezTo>
                <a:cubicBezTo>
                  <a:pt x="496" y="676"/>
                  <a:pt x="490" y="670"/>
                  <a:pt x="483" y="670"/>
                </a:cubicBezTo>
                <a:cubicBezTo>
                  <a:pt x="476" y="670"/>
                  <a:pt x="471" y="676"/>
                  <a:pt x="471" y="683"/>
                </a:cubicBezTo>
                <a:cubicBezTo>
                  <a:pt x="471" y="690"/>
                  <a:pt x="476" y="696"/>
                  <a:pt x="483" y="696"/>
                </a:cubicBezTo>
                <a:close/>
                <a:moveTo>
                  <a:pt x="523" y="696"/>
                </a:moveTo>
                <a:cubicBezTo>
                  <a:pt x="530" y="696"/>
                  <a:pt x="535" y="690"/>
                  <a:pt x="535" y="683"/>
                </a:cubicBezTo>
                <a:cubicBezTo>
                  <a:pt x="535" y="676"/>
                  <a:pt x="530" y="670"/>
                  <a:pt x="523" y="670"/>
                </a:cubicBezTo>
                <a:cubicBezTo>
                  <a:pt x="516" y="670"/>
                  <a:pt x="510" y="676"/>
                  <a:pt x="510" y="683"/>
                </a:cubicBezTo>
                <a:cubicBezTo>
                  <a:pt x="510" y="690"/>
                  <a:pt x="516" y="696"/>
                  <a:pt x="523" y="696"/>
                </a:cubicBezTo>
                <a:close/>
                <a:moveTo>
                  <a:pt x="562" y="696"/>
                </a:moveTo>
                <a:cubicBezTo>
                  <a:pt x="569" y="696"/>
                  <a:pt x="575" y="690"/>
                  <a:pt x="575" y="683"/>
                </a:cubicBezTo>
                <a:cubicBezTo>
                  <a:pt x="575" y="676"/>
                  <a:pt x="569" y="670"/>
                  <a:pt x="562" y="670"/>
                </a:cubicBezTo>
                <a:cubicBezTo>
                  <a:pt x="555" y="670"/>
                  <a:pt x="549" y="676"/>
                  <a:pt x="549" y="683"/>
                </a:cubicBezTo>
                <a:cubicBezTo>
                  <a:pt x="549" y="690"/>
                  <a:pt x="555" y="696"/>
                  <a:pt x="562" y="696"/>
                </a:cubicBezTo>
                <a:close/>
                <a:moveTo>
                  <a:pt x="602" y="696"/>
                </a:moveTo>
                <a:cubicBezTo>
                  <a:pt x="609" y="696"/>
                  <a:pt x="614" y="690"/>
                  <a:pt x="614" y="683"/>
                </a:cubicBezTo>
                <a:cubicBezTo>
                  <a:pt x="614" y="676"/>
                  <a:pt x="609" y="670"/>
                  <a:pt x="602" y="670"/>
                </a:cubicBezTo>
                <a:cubicBezTo>
                  <a:pt x="595" y="670"/>
                  <a:pt x="589" y="676"/>
                  <a:pt x="589" y="683"/>
                </a:cubicBezTo>
                <a:cubicBezTo>
                  <a:pt x="589" y="690"/>
                  <a:pt x="595" y="696"/>
                  <a:pt x="602" y="696"/>
                </a:cubicBezTo>
                <a:close/>
                <a:moveTo>
                  <a:pt x="641" y="696"/>
                </a:moveTo>
                <a:cubicBezTo>
                  <a:pt x="648" y="696"/>
                  <a:pt x="654" y="690"/>
                  <a:pt x="654" y="683"/>
                </a:cubicBezTo>
                <a:cubicBezTo>
                  <a:pt x="654" y="676"/>
                  <a:pt x="648" y="670"/>
                  <a:pt x="641" y="670"/>
                </a:cubicBezTo>
                <a:cubicBezTo>
                  <a:pt x="634" y="670"/>
                  <a:pt x="628" y="676"/>
                  <a:pt x="628" y="683"/>
                </a:cubicBezTo>
                <a:cubicBezTo>
                  <a:pt x="628" y="690"/>
                  <a:pt x="634" y="696"/>
                  <a:pt x="641" y="696"/>
                </a:cubicBezTo>
                <a:close/>
                <a:moveTo>
                  <a:pt x="680" y="696"/>
                </a:moveTo>
                <a:cubicBezTo>
                  <a:pt x="687" y="696"/>
                  <a:pt x="693" y="690"/>
                  <a:pt x="693" y="683"/>
                </a:cubicBezTo>
                <a:cubicBezTo>
                  <a:pt x="693" y="676"/>
                  <a:pt x="687" y="670"/>
                  <a:pt x="680" y="670"/>
                </a:cubicBezTo>
                <a:cubicBezTo>
                  <a:pt x="673" y="670"/>
                  <a:pt x="668" y="676"/>
                  <a:pt x="668" y="683"/>
                </a:cubicBezTo>
                <a:cubicBezTo>
                  <a:pt x="668" y="690"/>
                  <a:pt x="673" y="696"/>
                  <a:pt x="680" y="696"/>
                </a:cubicBezTo>
                <a:close/>
                <a:moveTo>
                  <a:pt x="720" y="696"/>
                </a:moveTo>
                <a:cubicBezTo>
                  <a:pt x="727" y="696"/>
                  <a:pt x="733" y="690"/>
                  <a:pt x="733" y="683"/>
                </a:cubicBezTo>
                <a:cubicBezTo>
                  <a:pt x="733" y="676"/>
                  <a:pt x="727" y="670"/>
                  <a:pt x="720" y="670"/>
                </a:cubicBezTo>
                <a:cubicBezTo>
                  <a:pt x="713" y="670"/>
                  <a:pt x="707" y="676"/>
                  <a:pt x="707" y="683"/>
                </a:cubicBezTo>
                <a:cubicBezTo>
                  <a:pt x="707" y="690"/>
                  <a:pt x="713" y="696"/>
                  <a:pt x="720" y="696"/>
                </a:cubicBezTo>
                <a:close/>
                <a:moveTo>
                  <a:pt x="759" y="696"/>
                </a:moveTo>
                <a:cubicBezTo>
                  <a:pt x="766" y="696"/>
                  <a:pt x="772" y="690"/>
                  <a:pt x="772" y="683"/>
                </a:cubicBezTo>
                <a:cubicBezTo>
                  <a:pt x="772" y="676"/>
                  <a:pt x="766" y="670"/>
                  <a:pt x="759" y="670"/>
                </a:cubicBezTo>
                <a:cubicBezTo>
                  <a:pt x="752" y="670"/>
                  <a:pt x="747" y="676"/>
                  <a:pt x="747" y="683"/>
                </a:cubicBezTo>
                <a:cubicBezTo>
                  <a:pt x="747" y="690"/>
                  <a:pt x="752" y="696"/>
                  <a:pt x="759" y="696"/>
                </a:cubicBezTo>
                <a:close/>
                <a:moveTo>
                  <a:pt x="799" y="696"/>
                </a:moveTo>
                <a:cubicBezTo>
                  <a:pt x="806" y="696"/>
                  <a:pt x="811" y="690"/>
                  <a:pt x="811" y="683"/>
                </a:cubicBezTo>
                <a:cubicBezTo>
                  <a:pt x="811" y="676"/>
                  <a:pt x="806" y="670"/>
                  <a:pt x="799" y="670"/>
                </a:cubicBezTo>
                <a:cubicBezTo>
                  <a:pt x="792" y="670"/>
                  <a:pt x="786" y="676"/>
                  <a:pt x="786" y="683"/>
                </a:cubicBezTo>
                <a:cubicBezTo>
                  <a:pt x="786" y="690"/>
                  <a:pt x="792" y="696"/>
                  <a:pt x="799" y="696"/>
                </a:cubicBezTo>
                <a:close/>
                <a:moveTo>
                  <a:pt x="838" y="696"/>
                </a:moveTo>
                <a:cubicBezTo>
                  <a:pt x="845" y="696"/>
                  <a:pt x="851" y="690"/>
                  <a:pt x="851" y="683"/>
                </a:cubicBezTo>
                <a:cubicBezTo>
                  <a:pt x="851" y="676"/>
                  <a:pt x="845" y="670"/>
                  <a:pt x="838" y="670"/>
                </a:cubicBezTo>
                <a:cubicBezTo>
                  <a:pt x="831" y="670"/>
                  <a:pt x="825" y="676"/>
                  <a:pt x="825" y="683"/>
                </a:cubicBezTo>
                <a:cubicBezTo>
                  <a:pt x="825" y="690"/>
                  <a:pt x="831" y="696"/>
                  <a:pt x="838" y="696"/>
                </a:cubicBezTo>
                <a:close/>
                <a:moveTo>
                  <a:pt x="878" y="696"/>
                </a:moveTo>
                <a:cubicBezTo>
                  <a:pt x="885" y="696"/>
                  <a:pt x="890" y="690"/>
                  <a:pt x="890" y="683"/>
                </a:cubicBezTo>
                <a:cubicBezTo>
                  <a:pt x="890" y="676"/>
                  <a:pt x="885" y="670"/>
                  <a:pt x="878" y="670"/>
                </a:cubicBezTo>
                <a:cubicBezTo>
                  <a:pt x="871" y="670"/>
                  <a:pt x="865" y="676"/>
                  <a:pt x="865" y="683"/>
                </a:cubicBezTo>
                <a:cubicBezTo>
                  <a:pt x="865" y="690"/>
                  <a:pt x="871" y="696"/>
                  <a:pt x="878" y="696"/>
                </a:cubicBezTo>
                <a:close/>
                <a:moveTo>
                  <a:pt x="917" y="696"/>
                </a:moveTo>
                <a:cubicBezTo>
                  <a:pt x="924" y="696"/>
                  <a:pt x="930" y="690"/>
                  <a:pt x="930" y="683"/>
                </a:cubicBezTo>
                <a:cubicBezTo>
                  <a:pt x="930" y="676"/>
                  <a:pt x="924" y="670"/>
                  <a:pt x="917" y="670"/>
                </a:cubicBezTo>
                <a:cubicBezTo>
                  <a:pt x="910" y="670"/>
                  <a:pt x="904" y="676"/>
                  <a:pt x="904" y="683"/>
                </a:cubicBezTo>
                <a:cubicBezTo>
                  <a:pt x="904" y="690"/>
                  <a:pt x="910" y="696"/>
                  <a:pt x="917" y="696"/>
                </a:cubicBezTo>
                <a:close/>
                <a:moveTo>
                  <a:pt x="956" y="696"/>
                </a:moveTo>
                <a:cubicBezTo>
                  <a:pt x="963" y="696"/>
                  <a:pt x="969" y="690"/>
                  <a:pt x="969" y="683"/>
                </a:cubicBezTo>
                <a:cubicBezTo>
                  <a:pt x="969" y="676"/>
                  <a:pt x="963" y="670"/>
                  <a:pt x="956" y="670"/>
                </a:cubicBezTo>
                <a:cubicBezTo>
                  <a:pt x="949" y="670"/>
                  <a:pt x="944" y="676"/>
                  <a:pt x="944" y="683"/>
                </a:cubicBezTo>
                <a:cubicBezTo>
                  <a:pt x="944" y="690"/>
                  <a:pt x="949" y="696"/>
                  <a:pt x="956" y="696"/>
                </a:cubicBezTo>
                <a:close/>
                <a:moveTo>
                  <a:pt x="1627" y="696"/>
                </a:moveTo>
                <a:cubicBezTo>
                  <a:pt x="1634" y="696"/>
                  <a:pt x="1639" y="690"/>
                  <a:pt x="1639" y="683"/>
                </a:cubicBezTo>
                <a:cubicBezTo>
                  <a:pt x="1639" y="676"/>
                  <a:pt x="1634" y="670"/>
                  <a:pt x="1627" y="670"/>
                </a:cubicBezTo>
                <a:cubicBezTo>
                  <a:pt x="1620" y="670"/>
                  <a:pt x="1614" y="676"/>
                  <a:pt x="1614" y="683"/>
                </a:cubicBezTo>
                <a:cubicBezTo>
                  <a:pt x="1614" y="690"/>
                  <a:pt x="1620" y="696"/>
                  <a:pt x="1627" y="696"/>
                </a:cubicBezTo>
                <a:close/>
                <a:moveTo>
                  <a:pt x="1666" y="696"/>
                </a:moveTo>
                <a:cubicBezTo>
                  <a:pt x="1673" y="696"/>
                  <a:pt x="1679" y="690"/>
                  <a:pt x="1679" y="683"/>
                </a:cubicBezTo>
                <a:cubicBezTo>
                  <a:pt x="1679" y="676"/>
                  <a:pt x="1673" y="670"/>
                  <a:pt x="1666" y="670"/>
                </a:cubicBezTo>
                <a:cubicBezTo>
                  <a:pt x="1659" y="670"/>
                  <a:pt x="1653" y="676"/>
                  <a:pt x="1653" y="683"/>
                </a:cubicBezTo>
                <a:cubicBezTo>
                  <a:pt x="1653" y="690"/>
                  <a:pt x="1659" y="696"/>
                  <a:pt x="1666" y="696"/>
                </a:cubicBezTo>
                <a:close/>
                <a:moveTo>
                  <a:pt x="1705" y="696"/>
                </a:moveTo>
                <a:cubicBezTo>
                  <a:pt x="1712" y="696"/>
                  <a:pt x="1718" y="690"/>
                  <a:pt x="1718" y="683"/>
                </a:cubicBezTo>
                <a:cubicBezTo>
                  <a:pt x="1718" y="676"/>
                  <a:pt x="1712" y="670"/>
                  <a:pt x="1705" y="670"/>
                </a:cubicBezTo>
                <a:cubicBezTo>
                  <a:pt x="1698" y="670"/>
                  <a:pt x="1693" y="676"/>
                  <a:pt x="1693" y="683"/>
                </a:cubicBezTo>
                <a:cubicBezTo>
                  <a:pt x="1693" y="690"/>
                  <a:pt x="1698" y="696"/>
                  <a:pt x="1705" y="696"/>
                </a:cubicBezTo>
                <a:close/>
                <a:moveTo>
                  <a:pt x="1817" y="683"/>
                </a:moveTo>
                <a:cubicBezTo>
                  <a:pt x="1817" y="686"/>
                  <a:pt x="1820" y="689"/>
                  <a:pt x="1824" y="689"/>
                </a:cubicBezTo>
                <a:cubicBezTo>
                  <a:pt x="1827" y="689"/>
                  <a:pt x="1830" y="686"/>
                  <a:pt x="1830" y="683"/>
                </a:cubicBezTo>
                <a:cubicBezTo>
                  <a:pt x="1830" y="679"/>
                  <a:pt x="1827" y="676"/>
                  <a:pt x="1824" y="676"/>
                </a:cubicBezTo>
                <a:cubicBezTo>
                  <a:pt x="1820" y="676"/>
                  <a:pt x="1817" y="679"/>
                  <a:pt x="1817" y="683"/>
                </a:cubicBezTo>
                <a:close/>
                <a:moveTo>
                  <a:pt x="1903" y="696"/>
                </a:moveTo>
                <a:cubicBezTo>
                  <a:pt x="1910" y="696"/>
                  <a:pt x="1915" y="690"/>
                  <a:pt x="1915" y="683"/>
                </a:cubicBezTo>
                <a:cubicBezTo>
                  <a:pt x="1915" y="676"/>
                  <a:pt x="1910" y="670"/>
                  <a:pt x="1903" y="670"/>
                </a:cubicBezTo>
                <a:cubicBezTo>
                  <a:pt x="1896" y="670"/>
                  <a:pt x="1890" y="676"/>
                  <a:pt x="1890" y="683"/>
                </a:cubicBezTo>
                <a:cubicBezTo>
                  <a:pt x="1890" y="690"/>
                  <a:pt x="1896" y="696"/>
                  <a:pt x="1903" y="696"/>
                </a:cubicBezTo>
                <a:close/>
                <a:moveTo>
                  <a:pt x="1955" y="683"/>
                </a:moveTo>
                <a:cubicBezTo>
                  <a:pt x="1955" y="676"/>
                  <a:pt x="1949" y="670"/>
                  <a:pt x="1942" y="670"/>
                </a:cubicBezTo>
                <a:cubicBezTo>
                  <a:pt x="1935" y="670"/>
                  <a:pt x="1929" y="676"/>
                  <a:pt x="1929" y="683"/>
                </a:cubicBezTo>
                <a:cubicBezTo>
                  <a:pt x="1929" y="690"/>
                  <a:pt x="1935" y="696"/>
                  <a:pt x="1942" y="696"/>
                </a:cubicBezTo>
                <a:cubicBezTo>
                  <a:pt x="1949" y="696"/>
                  <a:pt x="1955" y="690"/>
                  <a:pt x="1955" y="683"/>
                </a:cubicBezTo>
                <a:close/>
                <a:moveTo>
                  <a:pt x="1981" y="696"/>
                </a:moveTo>
                <a:cubicBezTo>
                  <a:pt x="1988" y="696"/>
                  <a:pt x="1994" y="690"/>
                  <a:pt x="1994" y="683"/>
                </a:cubicBezTo>
                <a:cubicBezTo>
                  <a:pt x="1994" y="676"/>
                  <a:pt x="1988" y="670"/>
                  <a:pt x="1981" y="670"/>
                </a:cubicBezTo>
                <a:cubicBezTo>
                  <a:pt x="1974" y="670"/>
                  <a:pt x="1969" y="676"/>
                  <a:pt x="1969" y="683"/>
                </a:cubicBezTo>
                <a:cubicBezTo>
                  <a:pt x="1969" y="690"/>
                  <a:pt x="1974" y="696"/>
                  <a:pt x="1981" y="696"/>
                </a:cubicBezTo>
                <a:close/>
                <a:moveTo>
                  <a:pt x="2021" y="696"/>
                </a:moveTo>
                <a:cubicBezTo>
                  <a:pt x="2028" y="696"/>
                  <a:pt x="2034" y="690"/>
                  <a:pt x="2034" y="683"/>
                </a:cubicBezTo>
                <a:cubicBezTo>
                  <a:pt x="2034" y="676"/>
                  <a:pt x="2028" y="670"/>
                  <a:pt x="2021" y="670"/>
                </a:cubicBezTo>
                <a:cubicBezTo>
                  <a:pt x="2014" y="670"/>
                  <a:pt x="2008" y="676"/>
                  <a:pt x="2008" y="683"/>
                </a:cubicBezTo>
                <a:cubicBezTo>
                  <a:pt x="2008" y="690"/>
                  <a:pt x="2014" y="696"/>
                  <a:pt x="2021" y="696"/>
                </a:cubicBezTo>
                <a:close/>
                <a:moveTo>
                  <a:pt x="2060" y="670"/>
                </a:moveTo>
                <a:cubicBezTo>
                  <a:pt x="2053" y="670"/>
                  <a:pt x="2048" y="676"/>
                  <a:pt x="2048" y="683"/>
                </a:cubicBezTo>
                <a:cubicBezTo>
                  <a:pt x="2048" y="690"/>
                  <a:pt x="2053" y="696"/>
                  <a:pt x="2060" y="696"/>
                </a:cubicBezTo>
                <a:cubicBezTo>
                  <a:pt x="2067" y="696"/>
                  <a:pt x="2073" y="690"/>
                  <a:pt x="2073" y="683"/>
                </a:cubicBezTo>
                <a:cubicBezTo>
                  <a:pt x="2073" y="676"/>
                  <a:pt x="2067" y="670"/>
                  <a:pt x="2060" y="670"/>
                </a:cubicBezTo>
                <a:close/>
                <a:moveTo>
                  <a:pt x="2139" y="696"/>
                </a:moveTo>
                <a:cubicBezTo>
                  <a:pt x="2146" y="696"/>
                  <a:pt x="2152" y="690"/>
                  <a:pt x="2152" y="683"/>
                </a:cubicBezTo>
                <a:cubicBezTo>
                  <a:pt x="2152" y="676"/>
                  <a:pt x="2146" y="670"/>
                  <a:pt x="2139" y="670"/>
                </a:cubicBezTo>
                <a:cubicBezTo>
                  <a:pt x="2132" y="670"/>
                  <a:pt x="2126" y="676"/>
                  <a:pt x="2126" y="683"/>
                </a:cubicBezTo>
                <a:cubicBezTo>
                  <a:pt x="2126" y="690"/>
                  <a:pt x="2132" y="696"/>
                  <a:pt x="2139" y="696"/>
                </a:cubicBezTo>
                <a:close/>
                <a:moveTo>
                  <a:pt x="2179" y="696"/>
                </a:moveTo>
                <a:cubicBezTo>
                  <a:pt x="2186" y="696"/>
                  <a:pt x="2191" y="690"/>
                  <a:pt x="2191" y="683"/>
                </a:cubicBezTo>
                <a:cubicBezTo>
                  <a:pt x="2191" y="676"/>
                  <a:pt x="2186" y="670"/>
                  <a:pt x="2179" y="670"/>
                </a:cubicBezTo>
                <a:cubicBezTo>
                  <a:pt x="2172" y="670"/>
                  <a:pt x="2166" y="676"/>
                  <a:pt x="2166" y="683"/>
                </a:cubicBezTo>
                <a:cubicBezTo>
                  <a:pt x="2166" y="690"/>
                  <a:pt x="2172" y="696"/>
                  <a:pt x="2179" y="696"/>
                </a:cubicBezTo>
                <a:close/>
                <a:moveTo>
                  <a:pt x="2257" y="696"/>
                </a:moveTo>
                <a:cubicBezTo>
                  <a:pt x="2264" y="696"/>
                  <a:pt x="2270" y="690"/>
                  <a:pt x="2270" y="683"/>
                </a:cubicBezTo>
                <a:cubicBezTo>
                  <a:pt x="2270" y="676"/>
                  <a:pt x="2264" y="670"/>
                  <a:pt x="2257" y="670"/>
                </a:cubicBezTo>
                <a:cubicBezTo>
                  <a:pt x="2250" y="670"/>
                  <a:pt x="2245" y="676"/>
                  <a:pt x="2245" y="683"/>
                </a:cubicBezTo>
                <a:cubicBezTo>
                  <a:pt x="2245" y="690"/>
                  <a:pt x="2250" y="696"/>
                  <a:pt x="2257" y="696"/>
                </a:cubicBezTo>
                <a:close/>
                <a:moveTo>
                  <a:pt x="2297" y="696"/>
                </a:moveTo>
                <a:cubicBezTo>
                  <a:pt x="2304" y="696"/>
                  <a:pt x="2310" y="690"/>
                  <a:pt x="2310" y="683"/>
                </a:cubicBezTo>
                <a:cubicBezTo>
                  <a:pt x="2310" y="676"/>
                  <a:pt x="2304" y="670"/>
                  <a:pt x="2297" y="670"/>
                </a:cubicBezTo>
                <a:cubicBezTo>
                  <a:pt x="2290" y="670"/>
                  <a:pt x="2284" y="676"/>
                  <a:pt x="2284" y="683"/>
                </a:cubicBezTo>
                <a:cubicBezTo>
                  <a:pt x="2284" y="690"/>
                  <a:pt x="2290" y="696"/>
                  <a:pt x="2297" y="696"/>
                </a:cubicBezTo>
                <a:close/>
                <a:moveTo>
                  <a:pt x="2336" y="696"/>
                </a:moveTo>
                <a:cubicBezTo>
                  <a:pt x="2343" y="696"/>
                  <a:pt x="2349" y="690"/>
                  <a:pt x="2349" y="683"/>
                </a:cubicBezTo>
                <a:cubicBezTo>
                  <a:pt x="2349" y="676"/>
                  <a:pt x="2343" y="670"/>
                  <a:pt x="2336" y="670"/>
                </a:cubicBezTo>
                <a:cubicBezTo>
                  <a:pt x="2329" y="670"/>
                  <a:pt x="2323" y="676"/>
                  <a:pt x="2323" y="683"/>
                </a:cubicBezTo>
                <a:cubicBezTo>
                  <a:pt x="2323" y="690"/>
                  <a:pt x="2329" y="696"/>
                  <a:pt x="2336" y="696"/>
                </a:cubicBezTo>
                <a:close/>
                <a:moveTo>
                  <a:pt x="2376" y="696"/>
                </a:moveTo>
                <a:cubicBezTo>
                  <a:pt x="2383" y="696"/>
                  <a:pt x="2388" y="690"/>
                  <a:pt x="2388" y="683"/>
                </a:cubicBezTo>
                <a:cubicBezTo>
                  <a:pt x="2388" y="676"/>
                  <a:pt x="2383" y="670"/>
                  <a:pt x="2376" y="670"/>
                </a:cubicBezTo>
                <a:cubicBezTo>
                  <a:pt x="2369" y="670"/>
                  <a:pt x="2363" y="676"/>
                  <a:pt x="2363" y="683"/>
                </a:cubicBezTo>
                <a:cubicBezTo>
                  <a:pt x="2363" y="690"/>
                  <a:pt x="2369" y="696"/>
                  <a:pt x="2376" y="696"/>
                </a:cubicBezTo>
                <a:close/>
                <a:moveTo>
                  <a:pt x="2415" y="696"/>
                </a:moveTo>
                <a:cubicBezTo>
                  <a:pt x="2422" y="696"/>
                  <a:pt x="2428" y="690"/>
                  <a:pt x="2428" y="683"/>
                </a:cubicBezTo>
                <a:cubicBezTo>
                  <a:pt x="2428" y="676"/>
                  <a:pt x="2422" y="670"/>
                  <a:pt x="2415" y="670"/>
                </a:cubicBezTo>
                <a:cubicBezTo>
                  <a:pt x="2408" y="670"/>
                  <a:pt x="2402" y="676"/>
                  <a:pt x="2402" y="683"/>
                </a:cubicBezTo>
                <a:cubicBezTo>
                  <a:pt x="2402" y="690"/>
                  <a:pt x="2408" y="696"/>
                  <a:pt x="2415" y="696"/>
                </a:cubicBezTo>
                <a:close/>
                <a:moveTo>
                  <a:pt x="2455" y="696"/>
                </a:moveTo>
                <a:cubicBezTo>
                  <a:pt x="2462" y="696"/>
                  <a:pt x="2467" y="690"/>
                  <a:pt x="2467" y="683"/>
                </a:cubicBezTo>
                <a:cubicBezTo>
                  <a:pt x="2467" y="676"/>
                  <a:pt x="2462" y="670"/>
                  <a:pt x="2455" y="670"/>
                </a:cubicBezTo>
                <a:cubicBezTo>
                  <a:pt x="2447" y="670"/>
                  <a:pt x="2442" y="676"/>
                  <a:pt x="2442" y="683"/>
                </a:cubicBezTo>
                <a:cubicBezTo>
                  <a:pt x="2442" y="690"/>
                  <a:pt x="2447" y="696"/>
                  <a:pt x="2455" y="696"/>
                </a:cubicBezTo>
                <a:close/>
                <a:moveTo>
                  <a:pt x="2494" y="696"/>
                </a:moveTo>
                <a:cubicBezTo>
                  <a:pt x="2501" y="696"/>
                  <a:pt x="2507" y="690"/>
                  <a:pt x="2507" y="683"/>
                </a:cubicBezTo>
                <a:cubicBezTo>
                  <a:pt x="2507" y="676"/>
                  <a:pt x="2501" y="670"/>
                  <a:pt x="2494" y="670"/>
                </a:cubicBezTo>
                <a:cubicBezTo>
                  <a:pt x="2487" y="670"/>
                  <a:pt x="2481" y="676"/>
                  <a:pt x="2481" y="683"/>
                </a:cubicBezTo>
                <a:cubicBezTo>
                  <a:pt x="2481" y="690"/>
                  <a:pt x="2487" y="696"/>
                  <a:pt x="2494" y="696"/>
                </a:cubicBezTo>
                <a:close/>
                <a:moveTo>
                  <a:pt x="2533" y="696"/>
                </a:moveTo>
                <a:cubicBezTo>
                  <a:pt x="2540" y="696"/>
                  <a:pt x="2546" y="690"/>
                  <a:pt x="2546" y="683"/>
                </a:cubicBezTo>
                <a:cubicBezTo>
                  <a:pt x="2546" y="676"/>
                  <a:pt x="2540" y="670"/>
                  <a:pt x="2533" y="670"/>
                </a:cubicBezTo>
                <a:cubicBezTo>
                  <a:pt x="2526" y="670"/>
                  <a:pt x="2521" y="676"/>
                  <a:pt x="2521" y="683"/>
                </a:cubicBezTo>
                <a:cubicBezTo>
                  <a:pt x="2521" y="690"/>
                  <a:pt x="2526" y="696"/>
                  <a:pt x="2533" y="696"/>
                </a:cubicBezTo>
                <a:close/>
                <a:moveTo>
                  <a:pt x="2573" y="696"/>
                </a:moveTo>
                <a:cubicBezTo>
                  <a:pt x="2580" y="696"/>
                  <a:pt x="2586" y="690"/>
                  <a:pt x="2586" y="683"/>
                </a:cubicBezTo>
                <a:cubicBezTo>
                  <a:pt x="2586" y="676"/>
                  <a:pt x="2580" y="670"/>
                  <a:pt x="2573" y="670"/>
                </a:cubicBezTo>
                <a:cubicBezTo>
                  <a:pt x="2566" y="670"/>
                  <a:pt x="2560" y="676"/>
                  <a:pt x="2560" y="683"/>
                </a:cubicBezTo>
                <a:cubicBezTo>
                  <a:pt x="2560" y="690"/>
                  <a:pt x="2566" y="696"/>
                  <a:pt x="2573" y="696"/>
                </a:cubicBezTo>
                <a:close/>
                <a:moveTo>
                  <a:pt x="2612" y="696"/>
                </a:moveTo>
                <a:cubicBezTo>
                  <a:pt x="2619" y="696"/>
                  <a:pt x="2625" y="690"/>
                  <a:pt x="2625" y="683"/>
                </a:cubicBezTo>
                <a:cubicBezTo>
                  <a:pt x="2625" y="676"/>
                  <a:pt x="2619" y="670"/>
                  <a:pt x="2612" y="670"/>
                </a:cubicBezTo>
                <a:cubicBezTo>
                  <a:pt x="2605" y="670"/>
                  <a:pt x="2599" y="676"/>
                  <a:pt x="2599" y="683"/>
                </a:cubicBezTo>
                <a:cubicBezTo>
                  <a:pt x="2599" y="690"/>
                  <a:pt x="2605" y="696"/>
                  <a:pt x="2612" y="696"/>
                </a:cubicBezTo>
                <a:close/>
                <a:moveTo>
                  <a:pt x="2652" y="696"/>
                </a:moveTo>
                <a:cubicBezTo>
                  <a:pt x="2659" y="696"/>
                  <a:pt x="2664" y="690"/>
                  <a:pt x="2664" y="683"/>
                </a:cubicBezTo>
                <a:cubicBezTo>
                  <a:pt x="2664" y="676"/>
                  <a:pt x="2659" y="670"/>
                  <a:pt x="2652" y="670"/>
                </a:cubicBezTo>
                <a:cubicBezTo>
                  <a:pt x="2645" y="670"/>
                  <a:pt x="2639" y="676"/>
                  <a:pt x="2639" y="683"/>
                </a:cubicBezTo>
                <a:cubicBezTo>
                  <a:pt x="2639" y="690"/>
                  <a:pt x="2645" y="696"/>
                  <a:pt x="2652" y="696"/>
                </a:cubicBezTo>
                <a:close/>
                <a:moveTo>
                  <a:pt x="2691" y="696"/>
                </a:moveTo>
                <a:cubicBezTo>
                  <a:pt x="2698" y="696"/>
                  <a:pt x="2704" y="690"/>
                  <a:pt x="2704" y="683"/>
                </a:cubicBezTo>
                <a:cubicBezTo>
                  <a:pt x="2704" y="676"/>
                  <a:pt x="2698" y="670"/>
                  <a:pt x="2691" y="670"/>
                </a:cubicBezTo>
                <a:cubicBezTo>
                  <a:pt x="2684" y="670"/>
                  <a:pt x="2678" y="676"/>
                  <a:pt x="2678" y="683"/>
                </a:cubicBezTo>
                <a:cubicBezTo>
                  <a:pt x="2678" y="690"/>
                  <a:pt x="2684" y="696"/>
                  <a:pt x="2691" y="696"/>
                </a:cubicBezTo>
                <a:close/>
                <a:moveTo>
                  <a:pt x="2730" y="696"/>
                </a:moveTo>
                <a:cubicBezTo>
                  <a:pt x="2738" y="696"/>
                  <a:pt x="2743" y="690"/>
                  <a:pt x="2743" y="683"/>
                </a:cubicBezTo>
                <a:cubicBezTo>
                  <a:pt x="2743" y="676"/>
                  <a:pt x="2738" y="670"/>
                  <a:pt x="2730" y="670"/>
                </a:cubicBezTo>
                <a:cubicBezTo>
                  <a:pt x="2723" y="670"/>
                  <a:pt x="2718" y="676"/>
                  <a:pt x="2718" y="683"/>
                </a:cubicBezTo>
                <a:cubicBezTo>
                  <a:pt x="2718" y="690"/>
                  <a:pt x="2723" y="696"/>
                  <a:pt x="2730" y="696"/>
                </a:cubicBezTo>
                <a:close/>
                <a:moveTo>
                  <a:pt x="2770" y="696"/>
                </a:moveTo>
                <a:cubicBezTo>
                  <a:pt x="2777" y="696"/>
                  <a:pt x="2783" y="690"/>
                  <a:pt x="2783" y="683"/>
                </a:cubicBezTo>
                <a:cubicBezTo>
                  <a:pt x="2783" y="676"/>
                  <a:pt x="2777" y="670"/>
                  <a:pt x="2770" y="670"/>
                </a:cubicBezTo>
                <a:cubicBezTo>
                  <a:pt x="2763" y="670"/>
                  <a:pt x="2757" y="676"/>
                  <a:pt x="2757" y="683"/>
                </a:cubicBezTo>
                <a:cubicBezTo>
                  <a:pt x="2757" y="690"/>
                  <a:pt x="2763" y="696"/>
                  <a:pt x="2770" y="696"/>
                </a:cubicBezTo>
                <a:close/>
                <a:moveTo>
                  <a:pt x="2809" y="696"/>
                </a:moveTo>
                <a:cubicBezTo>
                  <a:pt x="2816" y="696"/>
                  <a:pt x="2822" y="690"/>
                  <a:pt x="2822" y="683"/>
                </a:cubicBezTo>
                <a:cubicBezTo>
                  <a:pt x="2822" y="676"/>
                  <a:pt x="2816" y="670"/>
                  <a:pt x="2809" y="670"/>
                </a:cubicBezTo>
                <a:cubicBezTo>
                  <a:pt x="2802" y="670"/>
                  <a:pt x="2797" y="676"/>
                  <a:pt x="2797" y="683"/>
                </a:cubicBezTo>
                <a:cubicBezTo>
                  <a:pt x="2797" y="690"/>
                  <a:pt x="2802" y="696"/>
                  <a:pt x="2809" y="696"/>
                </a:cubicBezTo>
                <a:close/>
                <a:moveTo>
                  <a:pt x="2849" y="696"/>
                </a:moveTo>
                <a:cubicBezTo>
                  <a:pt x="2856" y="696"/>
                  <a:pt x="2862" y="690"/>
                  <a:pt x="2862" y="683"/>
                </a:cubicBezTo>
                <a:cubicBezTo>
                  <a:pt x="2862" y="676"/>
                  <a:pt x="2856" y="670"/>
                  <a:pt x="2849" y="670"/>
                </a:cubicBezTo>
                <a:cubicBezTo>
                  <a:pt x="2842" y="670"/>
                  <a:pt x="2836" y="676"/>
                  <a:pt x="2836" y="683"/>
                </a:cubicBezTo>
                <a:cubicBezTo>
                  <a:pt x="2836" y="690"/>
                  <a:pt x="2842" y="696"/>
                  <a:pt x="2849" y="696"/>
                </a:cubicBezTo>
                <a:close/>
                <a:moveTo>
                  <a:pt x="2888" y="696"/>
                </a:moveTo>
                <a:cubicBezTo>
                  <a:pt x="2895" y="696"/>
                  <a:pt x="2901" y="690"/>
                  <a:pt x="2901" y="683"/>
                </a:cubicBezTo>
                <a:cubicBezTo>
                  <a:pt x="2901" y="676"/>
                  <a:pt x="2895" y="670"/>
                  <a:pt x="2888" y="670"/>
                </a:cubicBezTo>
                <a:cubicBezTo>
                  <a:pt x="2881" y="670"/>
                  <a:pt x="2875" y="676"/>
                  <a:pt x="2875" y="683"/>
                </a:cubicBezTo>
                <a:cubicBezTo>
                  <a:pt x="2875" y="690"/>
                  <a:pt x="2881" y="696"/>
                  <a:pt x="2888" y="696"/>
                </a:cubicBezTo>
                <a:close/>
                <a:moveTo>
                  <a:pt x="2928" y="670"/>
                </a:moveTo>
                <a:cubicBezTo>
                  <a:pt x="2921" y="670"/>
                  <a:pt x="2915" y="676"/>
                  <a:pt x="2915" y="683"/>
                </a:cubicBezTo>
                <a:cubicBezTo>
                  <a:pt x="2915" y="690"/>
                  <a:pt x="2921" y="696"/>
                  <a:pt x="2928" y="696"/>
                </a:cubicBezTo>
                <a:cubicBezTo>
                  <a:pt x="2935" y="696"/>
                  <a:pt x="2940" y="690"/>
                  <a:pt x="2940" y="683"/>
                </a:cubicBezTo>
                <a:cubicBezTo>
                  <a:pt x="2940" y="676"/>
                  <a:pt x="2935" y="670"/>
                  <a:pt x="2928" y="670"/>
                </a:cubicBezTo>
                <a:close/>
                <a:moveTo>
                  <a:pt x="2967" y="696"/>
                </a:moveTo>
                <a:cubicBezTo>
                  <a:pt x="2974" y="696"/>
                  <a:pt x="2980" y="690"/>
                  <a:pt x="2980" y="683"/>
                </a:cubicBezTo>
                <a:cubicBezTo>
                  <a:pt x="2980" y="676"/>
                  <a:pt x="2974" y="670"/>
                  <a:pt x="2967" y="670"/>
                </a:cubicBezTo>
                <a:cubicBezTo>
                  <a:pt x="2960" y="670"/>
                  <a:pt x="2954" y="676"/>
                  <a:pt x="2954" y="683"/>
                </a:cubicBezTo>
                <a:cubicBezTo>
                  <a:pt x="2954" y="690"/>
                  <a:pt x="2960" y="696"/>
                  <a:pt x="2967" y="696"/>
                </a:cubicBezTo>
                <a:close/>
                <a:moveTo>
                  <a:pt x="3006" y="696"/>
                </a:moveTo>
                <a:cubicBezTo>
                  <a:pt x="3013" y="696"/>
                  <a:pt x="3019" y="690"/>
                  <a:pt x="3019" y="683"/>
                </a:cubicBezTo>
                <a:cubicBezTo>
                  <a:pt x="3019" y="676"/>
                  <a:pt x="3013" y="670"/>
                  <a:pt x="3006" y="670"/>
                </a:cubicBezTo>
                <a:cubicBezTo>
                  <a:pt x="2999" y="670"/>
                  <a:pt x="2994" y="676"/>
                  <a:pt x="2994" y="683"/>
                </a:cubicBezTo>
                <a:cubicBezTo>
                  <a:pt x="2994" y="690"/>
                  <a:pt x="2999" y="696"/>
                  <a:pt x="3006" y="696"/>
                </a:cubicBezTo>
                <a:close/>
                <a:moveTo>
                  <a:pt x="483" y="735"/>
                </a:moveTo>
                <a:cubicBezTo>
                  <a:pt x="490" y="735"/>
                  <a:pt x="496" y="729"/>
                  <a:pt x="496" y="722"/>
                </a:cubicBezTo>
                <a:cubicBezTo>
                  <a:pt x="496" y="715"/>
                  <a:pt x="490" y="710"/>
                  <a:pt x="483" y="710"/>
                </a:cubicBezTo>
                <a:cubicBezTo>
                  <a:pt x="476" y="710"/>
                  <a:pt x="471" y="715"/>
                  <a:pt x="471" y="722"/>
                </a:cubicBezTo>
                <a:cubicBezTo>
                  <a:pt x="471" y="729"/>
                  <a:pt x="476" y="735"/>
                  <a:pt x="483" y="735"/>
                </a:cubicBezTo>
                <a:close/>
                <a:moveTo>
                  <a:pt x="523" y="735"/>
                </a:moveTo>
                <a:cubicBezTo>
                  <a:pt x="530" y="735"/>
                  <a:pt x="535" y="729"/>
                  <a:pt x="535" y="722"/>
                </a:cubicBezTo>
                <a:cubicBezTo>
                  <a:pt x="535" y="715"/>
                  <a:pt x="530" y="710"/>
                  <a:pt x="523" y="710"/>
                </a:cubicBezTo>
                <a:cubicBezTo>
                  <a:pt x="516" y="710"/>
                  <a:pt x="510" y="715"/>
                  <a:pt x="510" y="722"/>
                </a:cubicBezTo>
                <a:cubicBezTo>
                  <a:pt x="510" y="729"/>
                  <a:pt x="516" y="735"/>
                  <a:pt x="523" y="735"/>
                </a:cubicBezTo>
                <a:close/>
                <a:moveTo>
                  <a:pt x="562" y="735"/>
                </a:moveTo>
                <a:cubicBezTo>
                  <a:pt x="569" y="735"/>
                  <a:pt x="575" y="729"/>
                  <a:pt x="575" y="722"/>
                </a:cubicBezTo>
                <a:cubicBezTo>
                  <a:pt x="575" y="715"/>
                  <a:pt x="569" y="710"/>
                  <a:pt x="562" y="710"/>
                </a:cubicBezTo>
                <a:cubicBezTo>
                  <a:pt x="555" y="710"/>
                  <a:pt x="549" y="715"/>
                  <a:pt x="549" y="722"/>
                </a:cubicBezTo>
                <a:cubicBezTo>
                  <a:pt x="549" y="729"/>
                  <a:pt x="555" y="735"/>
                  <a:pt x="562" y="735"/>
                </a:cubicBezTo>
                <a:close/>
                <a:moveTo>
                  <a:pt x="602" y="735"/>
                </a:moveTo>
                <a:cubicBezTo>
                  <a:pt x="609" y="735"/>
                  <a:pt x="614" y="729"/>
                  <a:pt x="614" y="722"/>
                </a:cubicBezTo>
                <a:cubicBezTo>
                  <a:pt x="614" y="715"/>
                  <a:pt x="609" y="710"/>
                  <a:pt x="602" y="710"/>
                </a:cubicBezTo>
                <a:cubicBezTo>
                  <a:pt x="595" y="710"/>
                  <a:pt x="589" y="715"/>
                  <a:pt x="589" y="722"/>
                </a:cubicBezTo>
                <a:cubicBezTo>
                  <a:pt x="589" y="729"/>
                  <a:pt x="595" y="735"/>
                  <a:pt x="602" y="735"/>
                </a:cubicBezTo>
                <a:close/>
                <a:moveTo>
                  <a:pt x="641" y="735"/>
                </a:moveTo>
                <a:cubicBezTo>
                  <a:pt x="648" y="735"/>
                  <a:pt x="654" y="729"/>
                  <a:pt x="654" y="722"/>
                </a:cubicBezTo>
                <a:cubicBezTo>
                  <a:pt x="654" y="715"/>
                  <a:pt x="648" y="710"/>
                  <a:pt x="641" y="710"/>
                </a:cubicBezTo>
                <a:cubicBezTo>
                  <a:pt x="634" y="710"/>
                  <a:pt x="628" y="715"/>
                  <a:pt x="628" y="722"/>
                </a:cubicBezTo>
                <a:cubicBezTo>
                  <a:pt x="628" y="729"/>
                  <a:pt x="634" y="735"/>
                  <a:pt x="641" y="735"/>
                </a:cubicBezTo>
                <a:close/>
                <a:moveTo>
                  <a:pt x="680" y="735"/>
                </a:moveTo>
                <a:cubicBezTo>
                  <a:pt x="687" y="735"/>
                  <a:pt x="693" y="729"/>
                  <a:pt x="693" y="722"/>
                </a:cubicBezTo>
                <a:cubicBezTo>
                  <a:pt x="693" y="715"/>
                  <a:pt x="687" y="710"/>
                  <a:pt x="680" y="710"/>
                </a:cubicBezTo>
                <a:cubicBezTo>
                  <a:pt x="673" y="710"/>
                  <a:pt x="668" y="715"/>
                  <a:pt x="668" y="722"/>
                </a:cubicBezTo>
                <a:cubicBezTo>
                  <a:pt x="668" y="729"/>
                  <a:pt x="673" y="735"/>
                  <a:pt x="680" y="735"/>
                </a:cubicBezTo>
                <a:close/>
                <a:moveTo>
                  <a:pt x="720" y="735"/>
                </a:moveTo>
                <a:cubicBezTo>
                  <a:pt x="727" y="735"/>
                  <a:pt x="733" y="729"/>
                  <a:pt x="733" y="722"/>
                </a:cubicBezTo>
                <a:cubicBezTo>
                  <a:pt x="733" y="715"/>
                  <a:pt x="727" y="710"/>
                  <a:pt x="720" y="710"/>
                </a:cubicBezTo>
                <a:cubicBezTo>
                  <a:pt x="713" y="710"/>
                  <a:pt x="707" y="715"/>
                  <a:pt x="707" y="722"/>
                </a:cubicBezTo>
                <a:cubicBezTo>
                  <a:pt x="707" y="729"/>
                  <a:pt x="713" y="735"/>
                  <a:pt x="720" y="735"/>
                </a:cubicBezTo>
                <a:close/>
                <a:moveTo>
                  <a:pt x="759" y="735"/>
                </a:moveTo>
                <a:cubicBezTo>
                  <a:pt x="766" y="735"/>
                  <a:pt x="772" y="729"/>
                  <a:pt x="772" y="722"/>
                </a:cubicBezTo>
                <a:cubicBezTo>
                  <a:pt x="772" y="715"/>
                  <a:pt x="766" y="710"/>
                  <a:pt x="759" y="710"/>
                </a:cubicBezTo>
                <a:cubicBezTo>
                  <a:pt x="752" y="710"/>
                  <a:pt x="747" y="715"/>
                  <a:pt x="747" y="722"/>
                </a:cubicBezTo>
                <a:cubicBezTo>
                  <a:pt x="747" y="729"/>
                  <a:pt x="752" y="735"/>
                  <a:pt x="759" y="735"/>
                </a:cubicBezTo>
                <a:close/>
                <a:moveTo>
                  <a:pt x="799" y="735"/>
                </a:moveTo>
                <a:cubicBezTo>
                  <a:pt x="806" y="735"/>
                  <a:pt x="811" y="729"/>
                  <a:pt x="811" y="722"/>
                </a:cubicBezTo>
                <a:cubicBezTo>
                  <a:pt x="811" y="715"/>
                  <a:pt x="806" y="710"/>
                  <a:pt x="799" y="710"/>
                </a:cubicBezTo>
                <a:cubicBezTo>
                  <a:pt x="792" y="710"/>
                  <a:pt x="786" y="715"/>
                  <a:pt x="786" y="722"/>
                </a:cubicBezTo>
                <a:cubicBezTo>
                  <a:pt x="786" y="729"/>
                  <a:pt x="792" y="735"/>
                  <a:pt x="799" y="735"/>
                </a:cubicBezTo>
                <a:close/>
                <a:moveTo>
                  <a:pt x="838" y="735"/>
                </a:moveTo>
                <a:cubicBezTo>
                  <a:pt x="845" y="735"/>
                  <a:pt x="851" y="729"/>
                  <a:pt x="851" y="722"/>
                </a:cubicBezTo>
                <a:cubicBezTo>
                  <a:pt x="851" y="715"/>
                  <a:pt x="845" y="710"/>
                  <a:pt x="838" y="710"/>
                </a:cubicBezTo>
                <a:cubicBezTo>
                  <a:pt x="831" y="710"/>
                  <a:pt x="825" y="715"/>
                  <a:pt x="825" y="722"/>
                </a:cubicBezTo>
                <a:cubicBezTo>
                  <a:pt x="825" y="729"/>
                  <a:pt x="831" y="735"/>
                  <a:pt x="838" y="735"/>
                </a:cubicBezTo>
                <a:close/>
                <a:moveTo>
                  <a:pt x="878" y="735"/>
                </a:moveTo>
                <a:cubicBezTo>
                  <a:pt x="885" y="735"/>
                  <a:pt x="890" y="729"/>
                  <a:pt x="890" y="722"/>
                </a:cubicBezTo>
                <a:cubicBezTo>
                  <a:pt x="890" y="715"/>
                  <a:pt x="885" y="710"/>
                  <a:pt x="878" y="710"/>
                </a:cubicBezTo>
                <a:cubicBezTo>
                  <a:pt x="871" y="710"/>
                  <a:pt x="865" y="715"/>
                  <a:pt x="865" y="722"/>
                </a:cubicBezTo>
                <a:cubicBezTo>
                  <a:pt x="865" y="729"/>
                  <a:pt x="871" y="735"/>
                  <a:pt x="878" y="735"/>
                </a:cubicBezTo>
                <a:close/>
                <a:moveTo>
                  <a:pt x="1627" y="735"/>
                </a:moveTo>
                <a:cubicBezTo>
                  <a:pt x="1634" y="735"/>
                  <a:pt x="1639" y="729"/>
                  <a:pt x="1639" y="722"/>
                </a:cubicBezTo>
                <a:cubicBezTo>
                  <a:pt x="1639" y="715"/>
                  <a:pt x="1634" y="710"/>
                  <a:pt x="1627" y="710"/>
                </a:cubicBezTo>
                <a:cubicBezTo>
                  <a:pt x="1620" y="710"/>
                  <a:pt x="1614" y="715"/>
                  <a:pt x="1614" y="722"/>
                </a:cubicBezTo>
                <a:cubicBezTo>
                  <a:pt x="1614" y="729"/>
                  <a:pt x="1620" y="735"/>
                  <a:pt x="1627" y="735"/>
                </a:cubicBezTo>
                <a:close/>
                <a:moveTo>
                  <a:pt x="1666" y="735"/>
                </a:moveTo>
                <a:cubicBezTo>
                  <a:pt x="1673" y="735"/>
                  <a:pt x="1679" y="729"/>
                  <a:pt x="1679" y="722"/>
                </a:cubicBezTo>
                <a:cubicBezTo>
                  <a:pt x="1679" y="715"/>
                  <a:pt x="1673" y="710"/>
                  <a:pt x="1666" y="710"/>
                </a:cubicBezTo>
                <a:cubicBezTo>
                  <a:pt x="1659" y="710"/>
                  <a:pt x="1653" y="715"/>
                  <a:pt x="1653" y="722"/>
                </a:cubicBezTo>
                <a:cubicBezTo>
                  <a:pt x="1653" y="729"/>
                  <a:pt x="1659" y="735"/>
                  <a:pt x="1666" y="735"/>
                </a:cubicBezTo>
                <a:close/>
                <a:moveTo>
                  <a:pt x="1907" y="722"/>
                </a:moveTo>
                <a:cubicBezTo>
                  <a:pt x="1907" y="720"/>
                  <a:pt x="1905" y="718"/>
                  <a:pt x="1903" y="718"/>
                </a:cubicBezTo>
                <a:cubicBezTo>
                  <a:pt x="1900" y="718"/>
                  <a:pt x="1898" y="720"/>
                  <a:pt x="1898" y="722"/>
                </a:cubicBezTo>
                <a:cubicBezTo>
                  <a:pt x="1898" y="725"/>
                  <a:pt x="1900" y="726"/>
                  <a:pt x="1903" y="726"/>
                </a:cubicBezTo>
                <a:cubicBezTo>
                  <a:pt x="1905" y="726"/>
                  <a:pt x="1907" y="725"/>
                  <a:pt x="1907" y="722"/>
                </a:cubicBezTo>
                <a:close/>
                <a:moveTo>
                  <a:pt x="1942" y="735"/>
                </a:moveTo>
                <a:cubicBezTo>
                  <a:pt x="1949" y="735"/>
                  <a:pt x="1955" y="729"/>
                  <a:pt x="1955" y="722"/>
                </a:cubicBezTo>
                <a:cubicBezTo>
                  <a:pt x="1955" y="715"/>
                  <a:pt x="1949" y="710"/>
                  <a:pt x="1942" y="710"/>
                </a:cubicBezTo>
                <a:cubicBezTo>
                  <a:pt x="1935" y="710"/>
                  <a:pt x="1929" y="715"/>
                  <a:pt x="1929" y="722"/>
                </a:cubicBezTo>
                <a:cubicBezTo>
                  <a:pt x="1929" y="729"/>
                  <a:pt x="1935" y="735"/>
                  <a:pt x="1942" y="735"/>
                </a:cubicBezTo>
                <a:close/>
                <a:moveTo>
                  <a:pt x="1981" y="735"/>
                </a:moveTo>
                <a:cubicBezTo>
                  <a:pt x="1988" y="735"/>
                  <a:pt x="1994" y="729"/>
                  <a:pt x="1994" y="722"/>
                </a:cubicBezTo>
                <a:cubicBezTo>
                  <a:pt x="1994" y="715"/>
                  <a:pt x="1988" y="710"/>
                  <a:pt x="1981" y="710"/>
                </a:cubicBezTo>
                <a:cubicBezTo>
                  <a:pt x="1974" y="710"/>
                  <a:pt x="1969" y="715"/>
                  <a:pt x="1969" y="722"/>
                </a:cubicBezTo>
                <a:cubicBezTo>
                  <a:pt x="1969" y="729"/>
                  <a:pt x="1974" y="735"/>
                  <a:pt x="1981" y="735"/>
                </a:cubicBezTo>
                <a:close/>
                <a:moveTo>
                  <a:pt x="2021" y="735"/>
                </a:moveTo>
                <a:cubicBezTo>
                  <a:pt x="2028" y="735"/>
                  <a:pt x="2034" y="729"/>
                  <a:pt x="2034" y="722"/>
                </a:cubicBezTo>
                <a:cubicBezTo>
                  <a:pt x="2034" y="715"/>
                  <a:pt x="2028" y="710"/>
                  <a:pt x="2021" y="710"/>
                </a:cubicBezTo>
                <a:cubicBezTo>
                  <a:pt x="2014" y="710"/>
                  <a:pt x="2008" y="715"/>
                  <a:pt x="2008" y="722"/>
                </a:cubicBezTo>
                <a:cubicBezTo>
                  <a:pt x="2008" y="729"/>
                  <a:pt x="2014" y="735"/>
                  <a:pt x="2021" y="735"/>
                </a:cubicBezTo>
                <a:close/>
                <a:moveTo>
                  <a:pt x="2060" y="735"/>
                </a:moveTo>
                <a:cubicBezTo>
                  <a:pt x="2067" y="735"/>
                  <a:pt x="2073" y="729"/>
                  <a:pt x="2073" y="722"/>
                </a:cubicBezTo>
                <a:cubicBezTo>
                  <a:pt x="2073" y="715"/>
                  <a:pt x="2067" y="710"/>
                  <a:pt x="2060" y="710"/>
                </a:cubicBezTo>
                <a:cubicBezTo>
                  <a:pt x="2053" y="710"/>
                  <a:pt x="2048" y="715"/>
                  <a:pt x="2048" y="722"/>
                </a:cubicBezTo>
                <a:cubicBezTo>
                  <a:pt x="2048" y="729"/>
                  <a:pt x="2053" y="735"/>
                  <a:pt x="2060" y="735"/>
                </a:cubicBezTo>
                <a:close/>
                <a:moveTo>
                  <a:pt x="2100" y="735"/>
                </a:moveTo>
                <a:cubicBezTo>
                  <a:pt x="2107" y="735"/>
                  <a:pt x="2112" y="729"/>
                  <a:pt x="2112" y="722"/>
                </a:cubicBezTo>
                <a:cubicBezTo>
                  <a:pt x="2112" y="715"/>
                  <a:pt x="2107" y="710"/>
                  <a:pt x="2100" y="710"/>
                </a:cubicBezTo>
                <a:cubicBezTo>
                  <a:pt x="2093" y="710"/>
                  <a:pt x="2087" y="715"/>
                  <a:pt x="2087" y="722"/>
                </a:cubicBezTo>
                <a:cubicBezTo>
                  <a:pt x="2087" y="729"/>
                  <a:pt x="2093" y="735"/>
                  <a:pt x="2100" y="735"/>
                </a:cubicBezTo>
                <a:close/>
                <a:moveTo>
                  <a:pt x="2139" y="735"/>
                </a:moveTo>
                <a:cubicBezTo>
                  <a:pt x="2146" y="735"/>
                  <a:pt x="2152" y="729"/>
                  <a:pt x="2152" y="722"/>
                </a:cubicBezTo>
                <a:cubicBezTo>
                  <a:pt x="2152" y="715"/>
                  <a:pt x="2146" y="710"/>
                  <a:pt x="2139" y="710"/>
                </a:cubicBezTo>
                <a:cubicBezTo>
                  <a:pt x="2132" y="710"/>
                  <a:pt x="2126" y="715"/>
                  <a:pt x="2126" y="722"/>
                </a:cubicBezTo>
                <a:cubicBezTo>
                  <a:pt x="2126" y="729"/>
                  <a:pt x="2132" y="735"/>
                  <a:pt x="2139" y="735"/>
                </a:cubicBezTo>
                <a:close/>
                <a:moveTo>
                  <a:pt x="2179" y="735"/>
                </a:moveTo>
                <a:cubicBezTo>
                  <a:pt x="2186" y="735"/>
                  <a:pt x="2191" y="729"/>
                  <a:pt x="2191" y="722"/>
                </a:cubicBezTo>
                <a:cubicBezTo>
                  <a:pt x="2191" y="715"/>
                  <a:pt x="2186" y="710"/>
                  <a:pt x="2179" y="710"/>
                </a:cubicBezTo>
                <a:cubicBezTo>
                  <a:pt x="2172" y="710"/>
                  <a:pt x="2166" y="715"/>
                  <a:pt x="2166" y="722"/>
                </a:cubicBezTo>
                <a:cubicBezTo>
                  <a:pt x="2166" y="729"/>
                  <a:pt x="2172" y="735"/>
                  <a:pt x="2179" y="735"/>
                </a:cubicBezTo>
                <a:close/>
                <a:moveTo>
                  <a:pt x="2257" y="735"/>
                </a:moveTo>
                <a:cubicBezTo>
                  <a:pt x="2264" y="735"/>
                  <a:pt x="2270" y="729"/>
                  <a:pt x="2270" y="722"/>
                </a:cubicBezTo>
                <a:cubicBezTo>
                  <a:pt x="2270" y="715"/>
                  <a:pt x="2264" y="710"/>
                  <a:pt x="2257" y="710"/>
                </a:cubicBezTo>
                <a:cubicBezTo>
                  <a:pt x="2250" y="710"/>
                  <a:pt x="2245" y="715"/>
                  <a:pt x="2245" y="722"/>
                </a:cubicBezTo>
                <a:cubicBezTo>
                  <a:pt x="2245" y="729"/>
                  <a:pt x="2250" y="735"/>
                  <a:pt x="2257" y="735"/>
                </a:cubicBezTo>
                <a:close/>
                <a:moveTo>
                  <a:pt x="2297" y="735"/>
                </a:moveTo>
                <a:cubicBezTo>
                  <a:pt x="2304" y="735"/>
                  <a:pt x="2310" y="729"/>
                  <a:pt x="2310" y="722"/>
                </a:cubicBezTo>
                <a:cubicBezTo>
                  <a:pt x="2310" y="715"/>
                  <a:pt x="2304" y="710"/>
                  <a:pt x="2297" y="710"/>
                </a:cubicBezTo>
                <a:cubicBezTo>
                  <a:pt x="2290" y="710"/>
                  <a:pt x="2284" y="715"/>
                  <a:pt x="2284" y="722"/>
                </a:cubicBezTo>
                <a:cubicBezTo>
                  <a:pt x="2284" y="729"/>
                  <a:pt x="2290" y="735"/>
                  <a:pt x="2297" y="735"/>
                </a:cubicBezTo>
                <a:close/>
                <a:moveTo>
                  <a:pt x="2336" y="735"/>
                </a:moveTo>
                <a:cubicBezTo>
                  <a:pt x="2343" y="735"/>
                  <a:pt x="2349" y="729"/>
                  <a:pt x="2349" y="722"/>
                </a:cubicBezTo>
                <a:cubicBezTo>
                  <a:pt x="2349" y="715"/>
                  <a:pt x="2343" y="710"/>
                  <a:pt x="2336" y="710"/>
                </a:cubicBezTo>
                <a:cubicBezTo>
                  <a:pt x="2329" y="710"/>
                  <a:pt x="2323" y="715"/>
                  <a:pt x="2323" y="722"/>
                </a:cubicBezTo>
                <a:cubicBezTo>
                  <a:pt x="2323" y="729"/>
                  <a:pt x="2329" y="735"/>
                  <a:pt x="2336" y="735"/>
                </a:cubicBezTo>
                <a:close/>
                <a:moveTo>
                  <a:pt x="2376" y="735"/>
                </a:moveTo>
                <a:cubicBezTo>
                  <a:pt x="2383" y="735"/>
                  <a:pt x="2388" y="729"/>
                  <a:pt x="2388" y="722"/>
                </a:cubicBezTo>
                <a:cubicBezTo>
                  <a:pt x="2388" y="715"/>
                  <a:pt x="2383" y="710"/>
                  <a:pt x="2376" y="710"/>
                </a:cubicBezTo>
                <a:cubicBezTo>
                  <a:pt x="2369" y="710"/>
                  <a:pt x="2363" y="715"/>
                  <a:pt x="2363" y="722"/>
                </a:cubicBezTo>
                <a:cubicBezTo>
                  <a:pt x="2363" y="729"/>
                  <a:pt x="2369" y="735"/>
                  <a:pt x="2376" y="735"/>
                </a:cubicBezTo>
                <a:close/>
                <a:moveTo>
                  <a:pt x="2415" y="735"/>
                </a:moveTo>
                <a:cubicBezTo>
                  <a:pt x="2422" y="735"/>
                  <a:pt x="2428" y="729"/>
                  <a:pt x="2428" y="722"/>
                </a:cubicBezTo>
                <a:cubicBezTo>
                  <a:pt x="2428" y="715"/>
                  <a:pt x="2422" y="710"/>
                  <a:pt x="2415" y="710"/>
                </a:cubicBezTo>
                <a:cubicBezTo>
                  <a:pt x="2408" y="710"/>
                  <a:pt x="2402" y="715"/>
                  <a:pt x="2402" y="722"/>
                </a:cubicBezTo>
                <a:cubicBezTo>
                  <a:pt x="2402" y="729"/>
                  <a:pt x="2408" y="735"/>
                  <a:pt x="2415" y="735"/>
                </a:cubicBezTo>
                <a:close/>
                <a:moveTo>
                  <a:pt x="2455" y="735"/>
                </a:moveTo>
                <a:cubicBezTo>
                  <a:pt x="2462" y="735"/>
                  <a:pt x="2467" y="729"/>
                  <a:pt x="2467" y="722"/>
                </a:cubicBezTo>
                <a:cubicBezTo>
                  <a:pt x="2467" y="715"/>
                  <a:pt x="2462" y="710"/>
                  <a:pt x="2455" y="710"/>
                </a:cubicBezTo>
                <a:cubicBezTo>
                  <a:pt x="2447" y="710"/>
                  <a:pt x="2442" y="715"/>
                  <a:pt x="2442" y="722"/>
                </a:cubicBezTo>
                <a:cubicBezTo>
                  <a:pt x="2442" y="729"/>
                  <a:pt x="2447" y="735"/>
                  <a:pt x="2455" y="735"/>
                </a:cubicBezTo>
                <a:close/>
                <a:moveTo>
                  <a:pt x="2494" y="735"/>
                </a:moveTo>
                <a:cubicBezTo>
                  <a:pt x="2501" y="735"/>
                  <a:pt x="2507" y="729"/>
                  <a:pt x="2507" y="722"/>
                </a:cubicBezTo>
                <a:cubicBezTo>
                  <a:pt x="2507" y="715"/>
                  <a:pt x="2501" y="710"/>
                  <a:pt x="2494" y="710"/>
                </a:cubicBezTo>
                <a:cubicBezTo>
                  <a:pt x="2487" y="710"/>
                  <a:pt x="2481" y="715"/>
                  <a:pt x="2481" y="722"/>
                </a:cubicBezTo>
                <a:cubicBezTo>
                  <a:pt x="2481" y="729"/>
                  <a:pt x="2487" y="735"/>
                  <a:pt x="2494" y="735"/>
                </a:cubicBezTo>
                <a:close/>
                <a:moveTo>
                  <a:pt x="2533" y="735"/>
                </a:moveTo>
                <a:cubicBezTo>
                  <a:pt x="2540" y="735"/>
                  <a:pt x="2546" y="729"/>
                  <a:pt x="2546" y="722"/>
                </a:cubicBezTo>
                <a:cubicBezTo>
                  <a:pt x="2546" y="715"/>
                  <a:pt x="2540" y="710"/>
                  <a:pt x="2533" y="710"/>
                </a:cubicBezTo>
                <a:cubicBezTo>
                  <a:pt x="2526" y="710"/>
                  <a:pt x="2521" y="715"/>
                  <a:pt x="2521" y="722"/>
                </a:cubicBezTo>
                <a:cubicBezTo>
                  <a:pt x="2521" y="729"/>
                  <a:pt x="2526" y="735"/>
                  <a:pt x="2533" y="735"/>
                </a:cubicBezTo>
                <a:close/>
                <a:moveTo>
                  <a:pt x="2573" y="735"/>
                </a:moveTo>
                <a:cubicBezTo>
                  <a:pt x="2580" y="735"/>
                  <a:pt x="2586" y="729"/>
                  <a:pt x="2586" y="722"/>
                </a:cubicBezTo>
                <a:cubicBezTo>
                  <a:pt x="2586" y="715"/>
                  <a:pt x="2580" y="710"/>
                  <a:pt x="2573" y="710"/>
                </a:cubicBezTo>
                <a:cubicBezTo>
                  <a:pt x="2566" y="710"/>
                  <a:pt x="2560" y="715"/>
                  <a:pt x="2560" y="722"/>
                </a:cubicBezTo>
                <a:cubicBezTo>
                  <a:pt x="2560" y="729"/>
                  <a:pt x="2566" y="735"/>
                  <a:pt x="2573" y="735"/>
                </a:cubicBezTo>
                <a:close/>
                <a:moveTo>
                  <a:pt x="2612" y="735"/>
                </a:moveTo>
                <a:cubicBezTo>
                  <a:pt x="2619" y="735"/>
                  <a:pt x="2625" y="729"/>
                  <a:pt x="2625" y="722"/>
                </a:cubicBezTo>
                <a:cubicBezTo>
                  <a:pt x="2625" y="715"/>
                  <a:pt x="2619" y="710"/>
                  <a:pt x="2612" y="710"/>
                </a:cubicBezTo>
                <a:cubicBezTo>
                  <a:pt x="2605" y="710"/>
                  <a:pt x="2599" y="715"/>
                  <a:pt x="2599" y="722"/>
                </a:cubicBezTo>
                <a:cubicBezTo>
                  <a:pt x="2599" y="729"/>
                  <a:pt x="2605" y="735"/>
                  <a:pt x="2612" y="735"/>
                </a:cubicBezTo>
                <a:close/>
                <a:moveTo>
                  <a:pt x="2652" y="735"/>
                </a:moveTo>
                <a:cubicBezTo>
                  <a:pt x="2659" y="735"/>
                  <a:pt x="2664" y="729"/>
                  <a:pt x="2664" y="722"/>
                </a:cubicBezTo>
                <a:cubicBezTo>
                  <a:pt x="2664" y="715"/>
                  <a:pt x="2659" y="710"/>
                  <a:pt x="2652" y="710"/>
                </a:cubicBezTo>
                <a:cubicBezTo>
                  <a:pt x="2645" y="710"/>
                  <a:pt x="2639" y="715"/>
                  <a:pt x="2639" y="722"/>
                </a:cubicBezTo>
                <a:cubicBezTo>
                  <a:pt x="2639" y="729"/>
                  <a:pt x="2645" y="735"/>
                  <a:pt x="2652" y="735"/>
                </a:cubicBezTo>
                <a:close/>
                <a:moveTo>
                  <a:pt x="2691" y="735"/>
                </a:moveTo>
                <a:cubicBezTo>
                  <a:pt x="2698" y="735"/>
                  <a:pt x="2704" y="729"/>
                  <a:pt x="2704" y="722"/>
                </a:cubicBezTo>
                <a:cubicBezTo>
                  <a:pt x="2704" y="715"/>
                  <a:pt x="2698" y="710"/>
                  <a:pt x="2691" y="710"/>
                </a:cubicBezTo>
                <a:cubicBezTo>
                  <a:pt x="2684" y="710"/>
                  <a:pt x="2678" y="715"/>
                  <a:pt x="2678" y="722"/>
                </a:cubicBezTo>
                <a:cubicBezTo>
                  <a:pt x="2678" y="729"/>
                  <a:pt x="2684" y="735"/>
                  <a:pt x="2691" y="735"/>
                </a:cubicBezTo>
                <a:close/>
                <a:moveTo>
                  <a:pt x="2730" y="735"/>
                </a:moveTo>
                <a:cubicBezTo>
                  <a:pt x="2738" y="735"/>
                  <a:pt x="2743" y="729"/>
                  <a:pt x="2743" y="722"/>
                </a:cubicBezTo>
                <a:cubicBezTo>
                  <a:pt x="2743" y="715"/>
                  <a:pt x="2738" y="710"/>
                  <a:pt x="2730" y="710"/>
                </a:cubicBezTo>
                <a:cubicBezTo>
                  <a:pt x="2723" y="710"/>
                  <a:pt x="2718" y="715"/>
                  <a:pt x="2718" y="722"/>
                </a:cubicBezTo>
                <a:cubicBezTo>
                  <a:pt x="2718" y="729"/>
                  <a:pt x="2723" y="735"/>
                  <a:pt x="2730" y="735"/>
                </a:cubicBezTo>
                <a:close/>
                <a:moveTo>
                  <a:pt x="2770" y="735"/>
                </a:moveTo>
                <a:cubicBezTo>
                  <a:pt x="2777" y="735"/>
                  <a:pt x="2783" y="729"/>
                  <a:pt x="2783" y="722"/>
                </a:cubicBezTo>
                <a:cubicBezTo>
                  <a:pt x="2783" y="715"/>
                  <a:pt x="2777" y="710"/>
                  <a:pt x="2770" y="710"/>
                </a:cubicBezTo>
                <a:cubicBezTo>
                  <a:pt x="2763" y="710"/>
                  <a:pt x="2757" y="715"/>
                  <a:pt x="2757" y="722"/>
                </a:cubicBezTo>
                <a:cubicBezTo>
                  <a:pt x="2757" y="729"/>
                  <a:pt x="2763" y="735"/>
                  <a:pt x="2770" y="735"/>
                </a:cubicBezTo>
                <a:close/>
                <a:moveTo>
                  <a:pt x="2809" y="735"/>
                </a:moveTo>
                <a:cubicBezTo>
                  <a:pt x="2816" y="735"/>
                  <a:pt x="2822" y="729"/>
                  <a:pt x="2822" y="722"/>
                </a:cubicBezTo>
                <a:cubicBezTo>
                  <a:pt x="2822" y="715"/>
                  <a:pt x="2816" y="710"/>
                  <a:pt x="2809" y="710"/>
                </a:cubicBezTo>
                <a:cubicBezTo>
                  <a:pt x="2802" y="710"/>
                  <a:pt x="2797" y="715"/>
                  <a:pt x="2797" y="722"/>
                </a:cubicBezTo>
                <a:cubicBezTo>
                  <a:pt x="2797" y="729"/>
                  <a:pt x="2802" y="735"/>
                  <a:pt x="2809" y="735"/>
                </a:cubicBezTo>
                <a:close/>
                <a:moveTo>
                  <a:pt x="2849" y="735"/>
                </a:moveTo>
                <a:cubicBezTo>
                  <a:pt x="2856" y="735"/>
                  <a:pt x="2862" y="729"/>
                  <a:pt x="2862" y="722"/>
                </a:cubicBezTo>
                <a:cubicBezTo>
                  <a:pt x="2862" y="715"/>
                  <a:pt x="2856" y="710"/>
                  <a:pt x="2849" y="710"/>
                </a:cubicBezTo>
                <a:cubicBezTo>
                  <a:pt x="2842" y="710"/>
                  <a:pt x="2836" y="715"/>
                  <a:pt x="2836" y="722"/>
                </a:cubicBezTo>
                <a:cubicBezTo>
                  <a:pt x="2836" y="729"/>
                  <a:pt x="2842" y="735"/>
                  <a:pt x="2849" y="735"/>
                </a:cubicBezTo>
                <a:close/>
                <a:moveTo>
                  <a:pt x="2888" y="735"/>
                </a:moveTo>
                <a:cubicBezTo>
                  <a:pt x="2895" y="735"/>
                  <a:pt x="2901" y="729"/>
                  <a:pt x="2901" y="722"/>
                </a:cubicBezTo>
                <a:cubicBezTo>
                  <a:pt x="2901" y="715"/>
                  <a:pt x="2895" y="710"/>
                  <a:pt x="2888" y="710"/>
                </a:cubicBezTo>
                <a:cubicBezTo>
                  <a:pt x="2881" y="710"/>
                  <a:pt x="2875" y="715"/>
                  <a:pt x="2875" y="722"/>
                </a:cubicBezTo>
                <a:cubicBezTo>
                  <a:pt x="2875" y="729"/>
                  <a:pt x="2881" y="735"/>
                  <a:pt x="2888" y="735"/>
                </a:cubicBezTo>
                <a:close/>
                <a:moveTo>
                  <a:pt x="2967" y="735"/>
                </a:moveTo>
                <a:cubicBezTo>
                  <a:pt x="2974" y="735"/>
                  <a:pt x="2980" y="729"/>
                  <a:pt x="2980" y="722"/>
                </a:cubicBezTo>
                <a:cubicBezTo>
                  <a:pt x="2980" y="715"/>
                  <a:pt x="2974" y="710"/>
                  <a:pt x="2967" y="710"/>
                </a:cubicBezTo>
                <a:cubicBezTo>
                  <a:pt x="2960" y="710"/>
                  <a:pt x="2954" y="715"/>
                  <a:pt x="2954" y="722"/>
                </a:cubicBezTo>
                <a:cubicBezTo>
                  <a:pt x="2954" y="729"/>
                  <a:pt x="2960" y="735"/>
                  <a:pt x="2967" y="735"/>
                </a:cubicBezTo>
                <a:close/>
                <a:moveTo>
                  <a:pt x="3125" y="735"/>
                </a:moveTo>
                <a:cubicBezTo>
                  <a:pt x="3132" y="735"/>
                  <a:pt x="3137" y="729"/>
                  <a:pt x="3137" y="722"/>
                </a:cubicBezTo>
                <a:cubicBezTo>
                  <a:pt x="3137" y="715"/>
                  <a:pt x="3132" y="710"/>
                  <a:pt x="3125" y="710"/>
                </a:cubicBezTo>
                <a:cubicBezTo>
                  <a:pt x="3118" y="710"/>
                  <a:pt x="3112" y="715"/>
                  <a:pt x="3112" y="722"/>
                </a:cubicBezTo>
                <a:cubicBezTo>
                  <a:pt x="3112" y="729"/>
                  <a:pt x="3118" y="735"/>
                  <a:pt x="3125" y="735"/>
                </a:cubicBezTo>
                <a:close/>
                <a:moveTo>
                  <a:pt x="483" y="749"/>
                </a:moveTo>
                <a:cubicBezTo>
                  <a:pt x="476" y="749"/>
                  <a:pt x="471" y="755"/>
                  <a:pt x="471" y="762"/>
                </a:cubicBezTo>
                <a:cubicBezTo>
                  <a:pt x="471" y="769"/>
                  <a:pt x="476" y="774"/>
                  <a:pt x="483" y="774"/>
                </a:cubicBezTo>
                <a:cubicBezTo>
                  <a:pt x="490" y="774"/>
                  <a:pt x="496" y="769"/>
                  <a:pt x="496" y="762"/>
                </a:cubicBezTo>
                <a:cubicBezTo>
                  <a:pt x="496" y="755"/>
                  <a:pt x="490" y="749"/>
                  <a:pt x="483" y="749"/>
                </a:cubicBezTo>
                <a:close/>
                <a:moveTo>
                  <a:pt x="523" y="774"/>
                </a:moveTo>
                <a:cubicBezTo>
                  <a:pt x="530" y="774"/>
                  <a:pt x="535" y="769"/>
                  <a:pt x="535" y="762"/>
                </a:cubicBezTo>
                <a:cubicBezTo>
                  <a:pt x="535" y="755"/>
                  <a:pt x="530" y="749"/>
                  <a:pt x="523" y="749"/>
                </a:cubicBezTo>
                <a:cubicBezTo>
                  <a:pt x="516" y="749"/>
                  <a:pt x="510" y="755"/>
                  <a:pt x="510" y="762"/>
                </a:cubicBezTo>
                <a:cubicBezTo>
                  <a:pt x="510" y="769"/>
                  <a:pt x="516" y="774"/>
                  <a:pt x="523" y="774"/>
                </a:cubicBezTo>
                <a:close/>
                <a:moveTo>
                  <a:pt x="562" y="774"/>
                </a:moveTo>
                <a:cubicBezTo>
                  <a:pt x="569" y="774"/>
                  <a:pt x="575" y="769"/>
                  <a:pt x="575" y="762"/>
                </a:cubicBezTo>
                <a:cubicBezTo>
                  <a:pt x="575" y="755"/>
                  <a:pt x="569" y="749"/>
                  <a:pt x="562" y="749"/>
                </a:cubicBezTo>
                <a:cubicBezTo>
                  <a:pt x="555" y="749"/>
                  <a:pt x="549" y="755"/>
                  <a:pt x="549" y="762"/>
                </a:cubicBezTo>
                <a:cubicBezTo>
                  <a:pt x="549" y="769"/>
                  <a:pt x="555" y="774"/>
                  <a:pt x="562" y="774"/>
                </a:cubicBezTo>
                <a:close/>
                <a:moveTo>
                  <a:pt x="602" y="774"/>
                </a:moveTo>
                <a:cubicBezTo>
                  <a:pt x="609" y="774"/>
                  <a:pt x="614" y="769"/>
                  <a:pt x="614" y="762"/>
                </a:cubicBezTo>
                <a:cubicBezTo>
                  <a:pt x="614" y="755"/>
                  <a:pt x="609" y="749"/>
                  <a:pt x="602" y="749"/>
                </a:cubicBezTo>
                <a:cubicBezTo>
                  <a:pt x="595" y="749"/>
                  <a:pt x="589" y="755"/>
                  <a:pt x="589" y="762"/>
                </a:cubicBezTo>
                <a:cubicBezTo>
                  <a:pt x="589" y="769"/>
                  <a:pt x="595" y="774"/>
                  <a:pt x="602" y="774"/>
                </a:cubicBezTo>
                <a:close/>
                <a:moveTo>
                  <a:pt x="641" y="774"/>
                </a:moveTo>
                <a:cubicBezTo>
                  <a:pt x="648" y="774"/>
                  <a:pt x="654" y="769"/>
                  <a:pt x="654" y="762"/>
                </a:cubicBezTo>
                <a:cubicBezTo>
                  <a:pt x="654" y="755"/>
                  <a:pt x="648" y="749"/>
                  <a:pt x="641" y="749"/>
                </a:cubicBezTo>
                <a:cubicBezTo>
                  <a:pt x="634" y="749"/>
                  <a:pt x="628" y="755"/>
                  <a:pt x="628" y="762"/>
                </a:cubicBezTo>
                <a:cubicBezTo>
                  <a:pt x="628" y="769"/>
                  <a:pt x="634" y="774"/>
                  <a:pt x="641" y="774"/>
                </a:cubicBezTo>
                <a:close/>
                <a:moveTo>
                  <a:pt x="680" y="774"/>
                </a:moveTo>
                <a:cubicBezTo>
                  <a:pt x="687" y="774"/>
                  <a:pt x="693" y="769"/>
                  <a:pt x="693" y="762"/>
                </a:cubicBezTo>
                <a:cubicBezTo>
                  <a:pt x="693" y="755"/>
                  <a:pt x="687" y="749"/>
                  <a:pt x="680" y="749"/>
                </a:cubicBezTo>
                <a:cubicBezTo>
                  <a:pt x="673" y="749"/>
                  <a:pt x="668" y="755"/>
                  <a:pt x="668" y="762"/>
                </a:cubicBezTo>
                <a:cubicBezTo>
                  <a:pt x="668" y="769"/>
                  <a:pt x="673" y="774"/>
                  <a:pt x="680" y="774"/>
                </a:cubicBezTo>
                <a:close/>
                <a:moveTo>
                  <a:pt x="720" y="774"/>
                </a:moveTo>
                <a:cubicBezTo>
                  <a:pt x="727" y="774"/>
                  <a:pt x="733" y="769"/>
                  <a:pt x="733" y="762"/>
                </a:cubicBezTo>
                <a:cubicBezTo>
                  <a:pt x="733" y="755"/>
                  <a:pt x="727" y="749"/>
                  <a:pt x="720" y="749"/>
                </a:cubicBezTo>
                <a:cubicBezTo>
                  <a:pt x="713" y="749"/>
                  <a:pt x="707" y="755"/>
                  <a:pt x="707" y="762"/>
                </a:cubicBezTo>
                <a:cubicBezTo>
                  <a:pt x="707" y="769"/>
                  <a:pt x="713" y="774"/>
                  <a:pt x="720" y="774"/>
                </a:cubicBezTo>
                <a:close/>
                <a:moveTo>
                  <a:pt x="759" y="774"/>
                </a:moveTo>
                <a:cubicBezTo>
                  <a:pt x="766" y="774"/>
                  <a:pt x="772" y="769"/>
                  <a:pt x="772" y="762"/>
                </a:cubicBezTo>
                <a:cubicBezTo>
                  <a:pt x="772" y="755"/>
                  <a:pt x="766" y="749"/>
                  <a:pt x="759" y="749"/>
                </a:cubicBezTo>
                <a:cubicBezTo>
                  <a:pt x="752" y="749"/>
                  <a:pt x="747" y="755"/>
                  <a:pt x="747" y="762"/>
                </a:cubicBezTo>
                <a:cubicBezTo>
                  <a:pt x="747" y="769"/>
                  <a:pt x="752" y="774"/>
                  <a:pt x="759" y="774"/>
                </a:cubicBezTo>
                <a:close/>
                <a:moveTo>
                  <a:pt x="799" y="774"/>
                </a:moveTo>
                <a:cubicBezTo>
                  <a:pt x="806" y="774"/>
                  <a:pt x="811" y="769"/>
                  <a:pt x="811" y="762"/>
                </a:cubicBezTo>
                <a:cubicBezTo>
                  <a:pt x="811" y="755"/>
                  <a:pt x="806" y="749"/>
                  <a:pt x="799" y="749"/>
                </a:cubicBezTo>
                <a:cubicBezTo>
                  <a:pt x="792" y="749"/>
                  <a:pt x="786" y="755"/>
                  <a:pt x="786" y="762"/>
                </a:cubicBezTo>
                <a:cubicBezTo>
                  <a:pt x="786" y="769"/>
                  <a:pt x="792" y="774"/>
                  <a:pt x="799" y="774"/>
                </a:cubicBezTo>
                <a:close/>
                <a:moveTo>
                  <a:pt x="838" y="774"/>
                </a:moveTo>
                <a:cubicBezTo>
                  <a:pt x="845" y="774"/>
                  <a:pt x="851" y="769"/>
                  <a:pt x="851" y="762"/>
                </a:cubicBezTo>
                <a:cubicBezTo>
                  <a:pt x="851" y="755"/>
                  <a:pt x="845" y="749"/>
                  <a:pt x="838" y="749"/>
                </a:cubicBezTo>
                <a:cubicBezTo>
                  <a:pt x="831" y="749"/>
                  <a:pt x="825" y="755"/>
                  <a:pt x="825" y="762"/>
                </a:cubicBezTo>
                <a:cubicBezTo>
                  <a:pt x="825" y="769"/>
                  <a:pt x="831" y="774"/>
                  <a:pt x="838" y="774"/>
                </a:cubicBezTo>
                <a:close/>
                <a:moveTo>
                  <a:pt x="878" y="774"/>
                </a:moveTo>
                <a:cubicBezTo>
                  <a:pt x="885" y="774"/>
                  <a:pt x="890" y="769"/>
                  <a:pt x="890" y="762"/>
                </a:cubicBezTo>
                <a:cubicBezTo>
                  <a:pt x="890" y="755"/>
                  <a:pt x="885" y="749"/>
                  <a:pt x="878" y="749"/>
                </a:cubicBezTo>
                <a:cubicBezTo>
                  <a:pt x="871" y="749"/>
                  <a:pt x="865" y="755"/>
                  <a:pt x="865" y="762"/>
                </a:cubicBezTo>
                <a:cubicBezTo>
                  <a:pt x="865" y="769"/>
                  <a:pt x="871" y="774"/>
                  <a:pt x="878" y="774"/>
                </a:cubicBezTo>
                <a:close/>
                <a:moveTo>
                  <a:pt x="930" y="762"/>
                </a:moveTo>
                <a:cubicBezTo>
                  <a:pt x="930" y="755"/>
                  <a:pt x="924" y="749"/>
                  <a:pt x="917" y="749"/>
                </a:cubicBezTo>
                <a:cubicBezTo>
                  <a:pt x="910" y="749"/>
                  <a:pt x="904" y="755"/>
                  <a:pt x="904" y="762"/>
                </a:cubicBezTo>
                <a:cubicBezTo>
                  <a:pt x="904" y="769"/>
                  <a:pt x="910" y="774"/>
                  <a:pt x="917" y="774"/>
                </a:cubicBezTo>
                <a:cubicBezTo>
                  <a:pt x="924" y="774"/>
                  <a:pt x="930" y="769"/>
                  <a:pt x="930" y="762"/>
                </a:cubicBezTo>
                <a:close/>
                <a:moveTo>
                  <a:pt x="1666" y="774"/>
                </a:moveTo>
                <a:cubicBezTo>
                  <a:pt x="1673" y="774"/>
                  <a:pt x="1679" y="769"/>
                  <a:pt x="1679" y="762"/>
                </a:cubicBezTo>
                <a:cubicBezTo>
                  <a:pt x="1679" y="755"/>
                  <a:pt x="1673" y="749"/>
                  <a:pt x="1666" y="749"/>
                </a:cubicBezTo>
                <a:cubicBezTo>
                  <a:pt x="1659" y="749"/>
                  <a:pt x="1653" y="755"/>
                  <a:pt x="1653" y="762"/>
                </a:cubicBezTo>
                <a:cubicBezTo>
                  <a:pt x="1653" y="769"/>
                  <a:pt x="1659" y="774"/>
                  <a:pt x="1666" y="774"/>
                </a:cubicBezTo>
                <a:close/>
                <a:moveTo>
                  <a:pt x="1705" y="774"/>
                </a:moveTo>
                <a:cubicBezTo>
                  <a:pt x="1713" y="774"/>
                  <a:pt x="1718" y="769"/>
                  <a:pt x="1718" y="762"/>
                </a:cubicBezTo>
                <a:cubicBezTo>
                  <a:pt x="1718" y="755"/>
                  <a:pt x="1713" y="749"/>
                  <a:pt x="1705" y="749"/>
                </a:cubicBezTo>
                <a:cubicBezTo>
                  <a:pt x="1698" y="749"/>
                  <a:pt x="1693" y="755"/>
                  <a:pt x="1693" y="762"/>
                </a:cubicBezTo>
                <a:cubicBezTo>
                  <a:pt x="1693" y="769"/>
                  <a:pt x="1698" y="774"/>
                  <a:pt x="1705" y="774"/>
                </a:cubicBezTo>
                <a:close/>
                <a:moveTo>
                  <a:pt x="1745" y="774"/>
                </a:moveTo>
                <a:cubicBezTo>
                  <a:pt x="1752" y="774"/>
                  <a:pt x="1758" y="769"/>
                  <a:pt x="1758" y="762"/>
                </a:cubicBezTo>
                <a:cubicBezTo>
                  <a:pt x="1758" y="755"/>
                  <a:pt x="1752" y="749"/>
                  <a:pt x="1745" y="749"/>
                </a:cubicBezTo>
                <a:cubicBezTo>
                  <a:pt x="1738" y="749"/>
                  <a:pt x="1732" y="755"/>
                  <a:pt x="1732" y="762"/>
                </a:cubicBezTo>
                <a:cubicBezTo>
                  <a:pt x="1732" y="769"/>
                  <a:pt x="1738" y="774"/>
                  <a:pt x="1745" y="774"/>
                </a:cubicBezTo>
                <a:close/>
                <a:moveTo>
                  <a:pt x="1784" y="774"/>
                </a:moveTo>
                <a:cubicBezTo>
                  <a:pt x="1791" y="774"/>
                  <a:pt x="1797" y="769"/>
                  <a:pt x="1797" y="762"/>
                </a:cubicBezTo>
                <a:cubicBezTo>
                  <a:pt x="1797" y="755"/>
                  <a:pt x="1791" y="749"/>
                  <a:pt x="1784" y="749"/>
                </a:cubicBezTo>
                <a:cubicBezTo>
                  <a:pt x="1777" y="749"/>
                  <a:pt x="1772" y="755"/>
                  <a:pt x="1772" y="762"/>
                </a:cubicBezTo>
                <a:cubicBezTo>
                  <a:pt x="1772" y="769"/>
                  <a:pt x="1777" y="774"/>
                  <a:pt x="1784" y="774"/>
                </a:cubicBezTo>
                <a:close/>
                <a:moveTo>
                  <a:pt x="2060" y="752"/>
                </a:moveTo>
                <a:cubicBezTo>
                  <a:pt x="2055" y="752"/>
                  <a:pt x="2051" y="757"/>
                  <a:pt x="2051" y="762"/>
                </a:cubicBezTo>
                <a:cubicBezTo>
                  <a:pt x="2051" y="767"/>
                  <a:pt x="2055" y="771"/>
                  <a:pt x="2060" y="771"/>
                </a:cubicBezTo>
                <a:cubicBezTo>
                  <a:pt x="2065" y="771"/>
                  <a:pt x="2070" y="767"/>
                  <a:pt x="2070" y="762"/>
                </a:cubicBezTo>
                <a:cubicBezTo>
                  <a:pt x="2070" y="757"/>
                  <a:pt x="2065" y="752"/>
                  <a:pt x="2060" y="752"/>
                </a:cubicBezTo>
                <a:close/>
                <a:moveTo>
                  <a:pt x="2100" y="774"/>
                </a:moveTo>
                <a:cubicBezTo>
                  <a:pt x="2107" y="774"/>
                  <a:pt x="2112" y="769"/>
                  <a:pt x="2112" y="762"/>
                </a:cubicBezTo>
                <a:cubicBezTo>
                  <a:pt x="2112" y="755"/>
                  <a:pt x="2107" y="749"/>
                  <a:pt x="2100" y="749"/>
                </a:cubicBezTo>
                <a:cubicBezTo>
                  <a:pt x="2093" y="749"/>
                  <a:pt x="2087" y="755"/>
                  <a:pt x="2087" y="762"/>
                </a:cubicBezTo>
                <a:cubicBezTo>
                  <a:pt x="2087" y="769"/>
                  <a:pt x="2093" y="774"/>
                  <a:pt x="2100" y="774"/>
                </a:cubicBezTo>
                <a:close/>
                <a:moveTo>
                  <a:pt x="2139" y="774"/>
                </a:moveTo>
                <a:cubicBezTo>
                  <a:pt x="2146" y="774"/>
                  <a:pt x="2152" y="769"/>
                  <a:pt x="2152" y="762"/>
                </a:cubicBezTo>
                <a:cubicBezTo>
                  <a:pt x="2152" y="755"/>
                  <a:pt x="2146" y="749"/>
                  <a:pt x="2139" y="749"/>
                </a:cubicBezTo>
                <a:cubicBezTo>
                  <a:pt x="2132" y="749"/>
                  <a:pt x="2126" y="755"/>
                  <a:pt x="2126" y="762"/>
                </a:cubicBezTo>
                <a:cubicBezTo>
                  <a:pt x="2126" y="769"/>
                  <a:pt x="2132" y="774"/>
                  <a:pt x="2139" y="774"/>
                </a:cubicBezTo>
                <a:close/>
                <a:moveTo>
                  <a:pt x="2179" y="774"/>
                </a:moveTo>
                <a:cubicBezTo>
                  <a:pt x="2186" y="774"/>
                  <a:pt x="2191" y="769"/>
                  <a:pt x="2191" y="762"/>
                </a:cubicBezTo>
                <a:cubicBezTo>
                  <a:pt x="2191" y="755"/>
                  <a:pt x="2186" y="749"/>
                  <a:pt x="2179" y="749"/>
                </a:cubicBezTo>
                <a:cubicBezTo>
                  <a:pt x="2172" y="749"/>
                  <a:pt x="2166" y="755"/>
                  <a:pt x="2166" y="762"/>
                </a:cubicBezTo>
                <a:cubicBezTo>
                  <a:pt x="2166" y="769"/>
                  <a:pt x="2172" y="774"/>
                  <a:pt x="2179" y="774"/>
                </a:cubicBezTo>
                <a:close/>
                <a:moveTo>
                  <a:pt x="2218" y="774"/>
                </a:moveTo>
                <a:cubicBezTo>
                  <a:pt x="2225" y="774"/>
                  <a:pt x="2231" y="769"/>
                  <a:pt x="2231" y="762"/>
                </a:cubicBezTo>
                <a:cubicBezTo>
                  <a:pt x="2231" y="755"/>
                  <a:pt x="2225" y="749"/>
                  <a:pt x="2218" y="749"/>
                </a:cubicBezTo>
                <a:cubicBezTo>
                  <a:pt x="2211" y="749"/>
                  <a:pt x="2205" y="755"/>
                  <a:pt x="2205" y="762"/>
                </a:cubicBezTo>
                <a:cubicBezTo>
                  <a:pt x="2205" y="769"/>
                  <a:pt x="2211" y="774"/>
                  <a:pt x="2218" y="774"/>
                </a:cubicBezTo>
                <a:close/>
                <a:moveTo>
                  <a:pt x="2257" y="774"/>
                </a:moveTo>
                <a:cubicBezTo>
                  <a:pt x="2264" y="774"/>
                  <a:pt x="2270" y="769"/>
                  <a:pt x="2270" y="762"/>
                </a:cubicBezTo>
                <a:cubicBezTo>
                  <a:pt x="2270" y="755"/>
                  <a:pt x="2264" y="749"/>
                  <a:pt x="2257" y="749"/>
                </a:cubicBezTo>
                <a:cubicBezTo>
                  <a:pt x="2250" y="749"/>
                  <a:pt x="2245" y="755"/>
                  <a:pt x="2245" y="762"/>
                </a:cubicBezTo>
                <a:cubicBezTo>
                  <a:pt x="2245" y="769"/>
                  <a:pt x="2250" y="774"/>
                  <a:pt x="2257" y="774"/>
                </a:cubicBezTo>
                <a:close/>
                <a:moveTo>
                  <a:pt x="2297" y="774"/>
                </a:moveTo>
                <a:cubicBezTo>
                  <a:pt x="2304" y="774"/>
                  <a:pt x="2310" y="769"/>
                  <a:pt x="2310" y="762"/>
                </a:cubicBezTo>
                <a:cubicBezTo>
                  <a:pt x="2310" y="755"/>
                  <a:pt x="2304" y="749"/>
                  <a:pt x="2297" y="749"/>
                </a:cubicBezTo>
                <a:cubicBezTo>
                  <a:pt x="2290" y="749"/>
                  <a:pt x="2284" y="755"/>
                  <a:pt x="2284" y="762"/>
                </a:cubicBezTo>
                <a:cubicBezTo>
                  <a:pt x="2284" y="769"/>
                  <a:pt x="2290" y="774"/>
                  <a:pt x="2297" y="774"/>
                </a:cubicBezTo>
                <a:close/>
                <a:moveTo>
                  <a:pt x="2336" y="774"/>
                </a:moveTo>
                <a:cubicBezTo>
                  <a:pt x="2343" y="774"/>
                  <a:pt x="2349" y="769"/>
                  <a:pt x="2349" y="762"/>
                </a:cubicBezTo>
                <a:cubicBezTo>
                  <a:pt x="2349" y="755"/>
                  <a:pt x="2343" y="749"/>
                  <a:pt x="2336" y="749"/>
                </a:cubicBezTo>
                <a:cubicBezTo>
                  <a:pt x="2329" y="749"/>
                  <a:pt x="2323" y="755"/>
                  <a:pt x="2323" y="762"/>
                </a:cubicBezTo>
                <a:cubicBezTo>
                  <a:pt x="2323" y="769"/>
                  <a:pt x="2329" y="774"/>
                  <a:pt x="2336" y="774"/>
                </a:cubicBezTo>
                <a:close/>
                <a:moveTo>
                  <a:pt x="2376" y="774"/>
                </a:moveTo>
                <a:cubicBezTo>
                  <a:pt x="2383" y="774"/>
                  <a:pt x="2388" y="769"/>
                  <a:pt x="2388" y="762"/>
                </a:cubicBezTo>
                <a:cubicBezTo>
                  <a:pt x="2388" y="755"/>
                  <a:pt x="2383" y="749"/>
                  <a:pt x="2376" y="749"/>
                </a:cubicBezTo>
                <a:cubicBezTo>
                  <a:pt x="2369" y="749"/>
                  <a:pt x="2363" y="755"/>
                  <a:pt x="2363" y="762"/>
                </a:cubicBezTo>
                <a:cubicBezTo>
                  <a:pt x="2363" y="769"/>
                  <a:pt x="2369" y="774"/>
                  <a:pt x="2376" y="774"/>
                </a:cubicBezTo>
                <a:close/>
                <a:moveTo>
                  <a:pt x="2415" y="774"/>
                </a:moveTo>
                <a:cubicBezTo>
                  <a:pt x="2422" y="774"/>
                  <a:pt x="2428" y="769"/>
                  <a:pt x="2428" y="762"/>
                </a:cubicBezTo>
                <a:cubicBezTo>
                  <a:pt x="2428" y="755"/>
                  <a:pt x="2422" y="749"/>
                  <a:pt x="2415" y="749"/>
                </a:cubicBezTo>
                <a:cubicBezTo>
                  <a:pt x="2408" y="749"/>
                  <a:pt x="2402" y="755"/>
                  <a:pt x="2402" y="762"/>
                </a:cubicBezTo>
                <a:cubicBezTo>
                  <a:pt x="2402" y="769"/>
                  <a:pt x="2408" y="774"/>
                  <a:pt x="2415" y="774"/>
                </a:cubicBezTo>
                <a:close/>
                <a:moveTo>
                  <a:pt x="2455" y="774"/>
                </a:moveTo>
                <a:cubicBezTo>
                  <a:pt x="2462" y="774"/>
                  <a:pt x="2467" y="769"/>
                  <a:pt x="2467" y="762"/>
                </a:cubicBezTo>
                <a:cubicBezTo>
                  <a:pt x="2467" y="755"/>
                  <a:pt x="2462" y="749"/>
                  <a:pt x="2455" y="749"/>
                </a:cubicBezTo>
                <a:cubicBezTo>
                  <a:pt x="2447" y="749"/>
                  <a:pt x="2442" y="755"/>
                  <a:pt x="2442" y="762"/>
                </a:cubicBezTo>
                <a:cubicBezTo>
                  <a:pt x="2442" y="769"/>
                  <a:pt x="2447" y="774"/>
                  <a:pt x="2455" y="774"/>
                </a:cubicBezTo>
                <a:close/>
                <a:moveTo>
                  <a:pt x="2494" y="774"/>
                </a:moveTo>
                <a:cubicBezTo>
                  <a:pt x="2501" y="774"/>
                  <a:pt x="2507" y="769"/>
                  <a:pt x="2507" y="762"/>
                </a:cubicBezTo>
                <a:cubicBezTo>
                  <a:pt x="2507" y="755"/>
                  <a:pt x="2501" y="749"/>
                  <a:pt x="2494" y="749"/>
                </a:cubicBezTo>
                <a:cubicBezTo>
                  <a:pt x="2487" y="749"/>
                  <a:pt x="2481" y="755"/>
                  <a:pt x="2481" y="762"/>
                </a:cubicBezTo>
                <a:cubicBezTo>
                  <a:pt x="2481" y="769"/>
                  <a:pt x="2487" y="774"/>
                  <a:pt x="2494" y="774"/>
                </a:cubicBezTo>
                <a:close/>
                <a:moveTo>
                  <a:pt x="2533" y="774"/>
                </a:moveTo>
                <a:cubicBezTo>
                  <a:pt x="2540" y="774"/>
                  <a:pt x="2546" y="769"/>
                  <a:pt x="2546" y="762"/>
                </a:cubicBezTo>
                <a:cubicBezTo>
                  <a:pt x="2546" y="755"/>
                  <a:pt x="2540" y="749"/>
                  <a:pt x="2533" y="749"/>
                </a:cubicBezTo>
                <a:cubicBezTo>
                  <a:pt x="2526" y="749"/>
                  <a:pt x="2521" y="755"/>
                  <a:pt x="2521" y="762"/>
                </a:cubicBezTo>
                <a:cubicBezTo>
                  <a:pt x="2521" y="769"/>
                  <a:pt x="2526" y="774"/>
                  <a:pt x="2533" y="774"/>
                </a:cubicBezTo>
                <a:close/>
                <a:moveTo>
                  <a:pt x="2573" y="774"/>
                </a:moveTo>
                <a:cubicBezTo>
                  <a:pt x="2580" y="774"/>
                  <a:pt x="2586" y="769"/>
                  <a:pt x="2586" y="762"/>
                </a:cubicBezTo>
                <a:cubicBezTo>
                  <a:pt x="2586" y="755"/>
                  <a:pt x="2580" y="749"/>
                  <a:pt x="2573" y="749"/>
                </a:cubicBezTo>
                <a:cubicBezTo>
                  <a:pt x="2566" y="749"/>
                  <a:pt x="2560" y="755"/>
                  <a:pt x="2560" y="762"/>
                </a:cubicBezTo>
                <a:cubicBezTo>
                  <a:pt x="2560" y="769"/>
                  <a:pt x="2566" y="774"/>
                  <a:pt x="2573" y="774"/>
                </a:cubicBezTo>
                <a:close/>
                <a:moveTo>
                  <a:pt x="2612" y="774"/>
                </a:moveTo>
                <a:cubicBezTo>
                  <a:pt x="2619" y="774"/>
                  <a:pt x="2625" y="769"/>
                  <a:pt x="2625" y="762"/>
                </a:cubicBezTo>
                <a:cubicBezTo>
                  <a:pt x="2625" y="755"/>
                  <a:pt x="2619" y="749"/>
                  <a:pt x="2612" y="749"/>
                </a:cubicBezTo>
                <a:cubicBezTo>
                  <a:pt x="2605" y="749"/>
                  <a:pt x="2599" y="755"/>
                  <a:pt x="2599" y="762"/>
                </a:cubicBezTo>
                <a:cubicBezTo>
                  <a:pt x="2599" y="769"/>
                  <a:pt x="2605" y="774"/>
                  <a:pt x="2612" y="774"/>
                </a:cubicBezTo>
                <a:close/>
                <a:moveTo>
                  <a:pt x="2652" y="774"/>
                </a:moveTo>
                <a:cubicBezTo>
                  <a:pt x="2659" y="774"/>
                  <a:pt x="2664" y="769"/>
                  <a:pt x="2664" y="762"/>
                </a:cubicBezTo>
                <a:cubicBezTo>
                  <a:pt x="2664" y="755"/>
                  <a:pt x="2659" y="749"/>
                  <a:pt x="2652" y="749"/>
                </a:cubicBezTo>
                <a:cubicBezTo>
                  <a:pt x="2645" y="749"/>
                  <a:pt x="2639" y="755"/>
                  <a:pt x="2639" y="762"/>
                </a:cubicBezTo>
                <a:cubicBezTo>
                  <a:pt x="2639" y="769"/>
                  <a:pt x="2645" y="774"/>
                  <a:pt x="2652" y="774"/>
                </a:cubicBezTo>
                <a:close/>
                <a:moveTo>
                  <a:pt x="2691" y="774"/>
                </a:moveTo>
                <a:cubicBezTo>
                  <a:pt x="2698" y="774"/>
                  <a:pt x="2704" y="769"/>
                  <a:pt x="2704" y="762"/>
                </a:cubicBezTo>
                <a:cubicBezTo>
                  <a:pt x="2704" y="755"/>
                  <a:pt x="2698" y="749"/>
                  <a:pt x="2691" y="749"/>
                </a:cubicBezTo>
                <a:cubicBezTo>
                  <a:pt x="2684" y="749"/>
                  <a:pt x="2678" y="755"/>
                  <a:pt x="2678" y="762"/>
                </a:cubicBezTo>
                <a:cubicBezTo>
                  <a:pt x="2678" y="769"/>
                  <a:pt x="2684" y="774"/>
                  <a:pt x="2691" y="774"/>
                </a:cubicBezTo>
                <a:close/>
                <a:moveTo>
                  <a:pt x="2730" y="774"/>
                </a:moveTo>
                <a:cubicBezTo>
                  <a:pt x="2738" y="774"/>
                  <a:pt x="2743" y="769"/>
                  <a:pt x="2743" y="762"/>
                </a:cubicBezTo>
                <a:cubicBezTo>
                  <a:pt x="2743" y="755"/>
                  <a:pt x="2738" y="749"/>
                  <a:pt x="2730" y="749"/>
                </a:cubicBezTo>
                <a:cubicBezTo>
                  <a:pt x="2723" y="749"/>
                  <a:pt x="2718" y="755"/>
                  <a:pt x="2718" y="762"/>
                </a:cubicBezTo>
                <a:cubicBezTo>
                  <a:pt x="2718" y="769"/>
                  <a:pt x="2723" y="774"/>
                  <a:pt x="2730" y="774"/>
                </a:cubicBezTo>
                <a:close/>
                <a:moveTo>
                  <a:pt x="2770" y="774"/>
                </a:moveTo>
                <a:cubicBezTo>
                  <a:pt x="2777" y="774"/>
                  <a:pt x="2783" y="769"/>
                  <a:pt x="2783" y="762"/>
                </a:cubicBezTo>
                <a:cubicBezTo>
                  <a:pt x="2783" y="755"/>
                  <a:pt x="2777" y="749"/>
                  <a:pt x="2770" y="749"/>
                </a:cubicBezTo>
                <a:cubicBezTo>
                  <a:pt x="2763" y="749"/>
                  <a:pt x="2757" y="755"/>
                  <a:pt x="2757" y="762"/>
                </a:cubicBezTo>
                <a:cubicBezTo>
                  <a:pt x="2757" y="769"/>
                  <a:pt x="2763" y="774"/>
                  <a:pt x="2770" y="774"/>
                </a:cubicBezTo>
                <a:close/>
                <a:moveTo>
                  <a:pt x="2809" y="774"/>
                </a:moveTo>
                <a:cubicBezTo>
                  <a:pt x="2816" y="774"/>
                  <a:pt x="2822" y="769"/>
                  <a:pt x="2822" y="762"/>
                </a:cubicBezTo>
                <a:cubicBezTo>
                  <a:pt x="2822" y="755"/>
                  <a:pt x="2816" y="749"/>
                  <a:pt x="2809" y="749"/>
                </a:cubicBezTo>
                <a:cubicBezTo>
                  <a:pt x="2802" y="749"/>
                  <a:pt x="2797" y="755"/>
                  <a:pt x="2797" y="762"/>
                </a:cubicBezTo>
                <a:cubicBezTo>
                  <a:pt x="2797" y="769"/>
                  <a:pt x="2802" y="774"/>
                  <a:pt x="2809" y="774"/>
                </a:cubicBezTo>
                <a:close/>
                <a:moveTo>
                  <a:pt x="2849" y="774"/>
                </a:moveTo>
                <a:cubicBezTo>
                  <a:pt x="2856" y="774"/>
                  <a:pt x="2862" y="769"/>
                  <a:pt x="2862" y="762"/>
                </a:cubicBezTo>
                <a:cubicBezTo>
                  <a:pt x="2862" y="755"/>
                  <a:pt x="2856" y="749"/>
                  <a:pt x="2849" y="749"/>
                </a:cubicBezTo>
                <a:cubicBezTo>
                  <a:pt x="2842" y="749"/>
                  <a:pt x="2836" y="755"/>
                  <a:pt x="2836" y="762"/>
                </a:cubicBezTo>
                <a:cubicBezTo>
                  <a:pt x="2836" y="769"/>
                  <a:pt x="2842" y="774"/>
                  <a:pt x="2849" y="774"/>
                </a:cubicBezTo>
                <a:close/>
                <a:moveTo>
                  <a:pt x="2888" y="774"/>
                </a:moveTo>
                <a:cubicBezTo>
                  <a:pt x="2895" y="774"/>
                  <a:pt x="2901" y="769"/>
                  <a:pt x="2901" y="762"/>
                </a:cubicBezTo>
                <a:cubicBezTo>
                  <a:pt x="2901" y="755"/>
                  <a:pt x="2895" y="749"/>
                  <a:pt x="2888" y="749"/>
                </a:cubicBezTo>
                <a:cubicBezTo>
                  <a:pt x="2881" y="749"/>
                  <a:pt x="2875" y="755"/>
                  <a:pt x="2875" y="762"/>
                </a:cubicBezTo>
                <a:cubicBezTo>
                  <a:pt x="2875" y="769"/>
                  <a:pt x="2881" y="774"/>
                  <a:pt x="2888" y="774"/>
                </a:cubicBezTo>
                <a:close/>
                <a:moveTo>
                  <a:pt x="3046" y="749"/>
                </a:moveTo>
                <a:cubicBezTo>
                  <a:pt x="3039" y="749"/>
                  <a:pt x="3033" y="755"/>
                  <a:pt x="3033" y="762"/>
                </a:cubicBezTo>
                <a:cubicBezTo>
                  <a:pt x="3033" y="769"/>
                  <a:pt x="3039" y="774"/>
                  <a:pt x="3046" y="774"/>
                </a:cubicBezTo>
                <a:cubicBezTo>
                  <a:pt x="3053" y="774"/>
                  <a:pt x="3059" y="769"/>
                  <a:pt x="3059" y="762"/>
                </a:cubicBezTo>
                <a:cubicBezTo>
                  <a:pt x="3059" y="755"/>
                  <a:pt x="3053" y="749"/>
                  <a:pt x="3046" y="749"/>
                </a:cubicBezTo>
                <a:close/>
                <a:moveTo>
                  <a:pt x="3077" y="762"/>
                </a:moveTo>
                <a:cubicBezTo>
                  <a:pt x="3077" y="766"/>
                  <a:pt x="3081" y="770"/>
                  <a:pt x="3085" y="770"/>
                </a:cubicBezTo>
                <a:cubicBezTo>
                  <a:pt x="3090" y="770"/>
                  <a:pt x="3093" y="766"/>
                  <a:pt x="3093" y="762"/>
                </a:cubicBezTo>
                <a:cubicBezTo>
                  <a:pt x="3093" y="757"/>
                  <a:pt x="3090" y="754"/>
                  <a:pt x="3085" y="754"/>
                </a:cubicBezTo>
                <a:cubicBezTo>
                  <a:pt x="3081" y="754"/>
                  <a:pt x="3077" y="757"/>
                  <a:pt x="3077" y="762"/>
                </a:cubicBezTo>
                <a:close/>
                <a:moveTo>
                  <a:pt x="523" y="788"/>
                </a:moveTo>
                <a:cubicBezTo>
                  <a:pt x="516" y="788"/>
                  <a:pt x="510" y="794"/>
                  <a:pt x="510" y="801"/>
                </a:cubicBezTo>
                <a:cubicBezTo>
                  <a:pt x="510" y="808"/>
                  <a:pt x="516" y="814"/>
                  <a:pt x="523" y="814"/>
                </a:cubicBezTo>
                <a:cubicBezTo>
                  <a:pt x="530" y="814"/>
                  <a:pt x="535" y="808"/>
                  <a:pt x="535" y="801"/>
                </a:cubicBezTo>
                <a:cubicBezTo>
                  <a:pt x="535" y="794"/>
                  <a:pt x="530" y="788"/>
                  <a:pt x="523" y="788"/>
                </a:cubicBezTo>
                <a:close/>
                <a:moveTo>
                  <a:pt x="562" y="788"/>
                </a:moveTo>
                <a:cubicBezTo>
                  <a:pt x="555" y="788"/>
                  <a:pt x="549" y="794"/>
                  <a:pt x="549" y="801"/>
                </a:cubicBezTo>
                <a:cubicBezTo>
                  <a:pt x="549" y="808"/>
                  <a:pt x="555" y="814"/>
                  <a:pt x="562" y="814"/>
                </a:cubicBezTo>
                <a:cubicBezTo>
                  <a:pt x="569" y="814"/>
                  <a:pt x="575" y="808"/>
                  <a:pt x="575" y="801"/>
                </a:cubicBezTo>
                <a:cubicBezTo>
                  <a:pt x="575" y="794"/>
                  <a:pt x="569" y="788"/>
                  <a:pt x="562" y="788"/>
                </a:cubicBezTo>
                <a:close/>
                <a:moveTo>
                  <a:pt x="602" y="814"/>
                </a:moveTo>
                <a:cubicBezTo>
                  <a:pt x="609" y="814"/>
                  <a:pt x="614" y="808"/>
                  <a:pt x="614" y="801"/>
                </a:cubicBezTo>
                <a:cubicBezTo>
                  <a:pt x="614" y="794"/>
                  <a:pt x="609" y="788"/>
                  <a:pt x="602" y="788"/>
                </a:cubicBezTo>
                <a:cubicBezTo>
                  <a:pt x="595" y="788"/>
                  <a:pt x="589" y="794"/>
                  <a:pt x="589" y="801"/>
                </a:cubicBezTo>
                <a:cubicBezTo>
                  <a:pt x="589" y="808"/>
                  <a:pt x="595" y="814"/>
                  <a:pt x="602" y="814"/>
                </a:cubicBezTo>
                <a:close/>
                <a:moveTo>
                  <a:pt x="641" y="814"/>
                </a:moveTo>
                <a:cubicBezTo>
                  <a:pt x="648" y="814"/>
                  <a:pt x="654" y="808"/>
                  <a:pt x="654" y="801"/>
                </a:cubicBezTo>
                <a:cubicBezTo>
                  <a:pt x="654" y="794"/>
                  <a:pt x="648" y="788"/>
                  <a:pt x="641" y="788"/>
                </a:cubicBezTo>
                <a:cubicBezTo>
                  <a:pt x="634" y="788"/>
                  <a:pt x="628" y="794"/>
                  <a:pt x="628" y="801"/>
                </a:cubicBezTo>
                <a:cubicBezTo>
                  <a:pt x="628" y="808"/>
                  <a:pt x="634" y="814"/>
                  <a:pt x="641" y="814"/>
                </a:cubicBezTo>
                <a:close/>
                <a:moveTo>
                  <a:pt x="680" y="814"/>
                </a:moveTo>
                <a:cubicBezTo>
                  <a:pt x="687" y="814"/>
                  <a:pt x="693" y="808"/>
                  <a:pt x="693" y="801"/>
                </a:cubicBezTo>
                <a:cubicBezTo>
                  <a:pt x="693" y="794"/>
                  <a:pt x="687" y="788"/>
                  <a:pt x="680" y="788"/>
                </a:cubicBezTo>
                <a:cubicBezTo>
                  <a:pt x="673" y="788"/>
                  <a:pt x="668" y="794"/>
                  <a:pt x="668" y="801"/>
                </a:cubicBezTo>
                <a:cubicBezTo>
                  <a:pt x="668" y="808"/>
                  <a:pt x="673" y="814"/>
                  <a:pt x="680" y="814"/>
                </a:cubicBezTo>
                <a:close/>
                <a:moveTo>
                  <a:pt x="720" y="814"/>
                </a:moveTo>
                <a:cubicBezTo>
                  <a:pt x="727" y="814"/>
                  <a:pt x="733" y="808"/>
                  <a:pt x="733" y="801"/>
                </a:cubicBezTo>
                <a:cubicBezTo>
                  <a:pt x="733" y="794"/>
                  <a:pt x="727" y="788"/>
                  <a:pt x="720" y="788"/>
                </a:cubicBezTo>
                <a:cubicBezTo>
                  <a:pt x="713" y="788"/>
                  <a:pt x="707" y="794"/>
                  <a:pt x="707" y="801"/>
                </a:cubicBezTo>
                <a:cubicBezTo>
                  <a:pt x="707" y="808"/>
                  <a:pt x="713" y="814"/>
                  <a:pt x="720" y="814"/>
                </a:cubicBezTo>
                <a:close/>
                <a:moveTo>
                  <a:pt x="759" y="814"/>
                </a:moveTo>
                <a:cubicBezTo>
                  <a:pt x="766" y="814"/>
                  <a:pt x="772" y="808"/>
                  <a:pt x="772" y="801"/>
                </a:cubicBezTo>
                <a:cubicBezTo>
                  <a:pt x="772" y="794"/>
                  <a:pt x="766" y="788"/>
                  <a:pt x="759" y="788"/>
                </a:cubicBezTo>
                <a:cubicBezTo>
                  <a:pt x="752" y="788"/>
                  <a:pt x="747" y="794"/>
                  <a:pt x="747" y="801"/>
                </a:cubicBezTo>
                <a:cubicBezTo>
                  <a:pt x="747" y="808"/>
                  <a:pt x="752" y="814"/>
                  <a:pt x="759" y="814"/>
                </a:cubicBezTo>
                <a:close/>
                <a:moveTo>
                  <a:pt x="799" y="814"/>
                </a:moveTo>
                <a:cubicBezTo>
                  <a:pt x="806" y="814"/>
                  <a:pt x="811" y="808"/>
                  <a:pt x="811" y="801"/>
                </a:cubicBezTo>
                <a:cubicBezTo>
                  <a:pt x="811" y="794"/>
                  <a:pt x="806" y="788"/>
                  <a:pt x="799" y="788"/>
                </a:cubicBezTo>
                <a:cubicBezTo>
                  <a:pt x="792" y="788"/>
                  <a:pt x="786" y="794"/>
                  <a:pt x="786" y="801"/>
                </a:cubicBezTo>
                <a:cubicBezTo>
                  <a:pt x="786" y="808"/>
                  <a:pt x="792" y="814"/>
                  <a:pt x="799" y="814"/>
                </a:cubicBezTo>
                <a:close/>
                <a:moveTo>
                  <a:pt x="838" y="814"/>
                </a:moveTo>
                <a:cubicBezTo>
                  <a:pt x="845" y="814"/>
                  <a:pt x="851" y="808"/>
                  <a:pt x="851" y="801"/>
                </a:cubicBezTo>
                <a:cubicBezTo>
                  <a:pt x="851" y="794"/>
                  <a:pt x="845" y="788"/>
                  <a:pt x="838" y="788"/>
                </a:cubicBezTo>
                <a:cubicBezTo>
                  <a:pt x="831" y="788"/>
                  <a:pt x="825" y="794"/>
                  <a:pt x="825" y="801"/>
                </a:cubicBezTo>
                <a:cubicBezTo>
                  <a:pt x="825" y="808"/>
                  <a:pt x="831" y="814"/>
                  <a:pt x="838" y="814"/>
                </a:cubicBezTo>
                <a:close/>
                <a:moveTo>
                  <a:pt x="1627" y="814"/>
                </a:moveTo>
                <a:cubicBezTo>
                  <a:pt x="1634" y="814"/>
                  <a:pt x="1639" y="808"/>
                  <a:pt x="1639" y="801"/>
                </a:cubicBezTo>
                <a:cubicBezTo>
                  <a:pt x="1639" y="794"/>
                  <a:pt x="1634" y="788"/>
                  <a:pt x="1627" y="788"/>
                </a:cubicBezTo>
                <a:cubicBezTo>
                  <a:pt x="1620" y="788"/>
                  <a:pt x="1614" y="794"/>
                  <a:pt x="1614" y="801"/>
                </a:cubicBezTo>
                <a:cubicBezTo>
                  <a:pt x="1614" y="808"/>
                  <a:pt x="1620" y="814"/>
                  <a:pt x="1627" y="814"/>
                </a:cubicBezTo>
                <a:close/>
                <a:moveTo>
                  <a:pt x="1666" y="814"/>
                </a:moveTo>
                <a:cubicBezTo>
                  <a:pt x="1673" y="814"/>
                  <a:pt x="1679" y="808"/>
                  <a:pt x="1679" y="801"/>
                </a:cubicBezTo>
                <a:cubicBezTo>
                  <a:pt x="1679" y="794"/>
                  <a:pt x="1673" y="788"/>
                  <a:pt x="1666" y="788"/>
                </a:cubicBezTo>
                <a:cubicBezTo>
                  <a:pt x="1659" y="788"/>
                  <a:pt x="1653" y="794"/>
                  <a:pt x="1653" y="801"/>
                </a:cubicBezTo>
                <a:cubicBezTo>
                  <a:pt x="1653" y="808"/>
                  <a:pt x="1659" y="814"/>
                  <a:pt x="1666" y="814"/>
                </a:cubicBezTo>
                <a:close/>
                <a:moveTo>
                  <a:pt x="1705" y="814"/>
                </a:moveTo>
                <a:cubicBezTo>
                  <a:pt x="1713" y="814"/>
                  <a:pt x="1718" y="808"/>
                  <a:pt x="1718" y="801"/>
                </a:cubicBezTo>
                <a:cubicBezTo>
                  <a:pt x="1718" y="794"/>
                  <a:pt x="1713" y="788"/>
                  <a:pt x="1705" y="788"/>
                </a:cubicBezTo>
                <a:cubicBezTo>
                  <a:pt x="1698" y="788"/>
                  <a:pt x="1693" y="794"/>
                  <a:pt x="1693" y="801"/>
                </a:cubicBezTo>
                <a:cubicBezTo>
                  <a:pt x="1693" y="808"/>
                  <a:pt x="1698" y="814"/>
                  <a:pt x="1705" y="814"/>
                </a:cubicBezTo>
                <a:close/>
                <a:moveTo>
                  <a:pt x="1745" y="814"/>
                </a:moveTo>
                <a:cubicBezTo>
                  <a:pt x="1752" y="814"/>
                  <a:pt x="1758" y="808"/>
                  <a:pt x="1758" y="801"/>
                </a:cubicBezTo>
                <a:cubicBezTo>
                  <a:pt x="1758" y="794"/>
                  <a:pt x="1752" y="788"/>
                  <a:pt x="1745" y="788"/>
                </a:cubicBezTo>
                <a:cubicBezTo>
                  <a:pt x="1738" y="788"/>
                  <a:pt x="1732" y="794"/>
                  <a:pt x="1732" y="801"/>
                </a:cubicBezTo>
                <a:cubicBezTo>
                  <a:pt x="1732" y="808"/>
                  <a:pt x="1738" y="814"/>
                  <a:pt x="1745" y="814"/>
                </a:cubicBezTo>
                <a:close/>
                <a:moveTo>
                  <a:pt x="1784" y="814"/>
                </a:moveTo>
                <a:cubicBezTo>
                  <a:pt x="1791" y="814"/>
                  <a:pt x="1797" y="808"/>
                  <a:pt x="1797" y="801"/>
                </a:cubicBezTo>
                <a:cubicBezTo>
                  <a:pt x="1797" y="794"/>
                  <a:pt x="1791" y="788"/>
                  <a:pt x="1784" y="788"/>
                </a:cubicBezTo>
                <a:cubicBezTo>
                  <a:pt x="1777" y="788"/>
                  <a:pt x="1772" y="794"/>
                  <a:pt x="1772" y="801"/>
                </a:cubicBezTo>
                <a:cubicBezTo>
                  <a:pt x="1772" y="808"/>
                  <a:pt x="1777" y="814"/>
                  <a:pt x="1784" y="814"/>
                </a:cubicBezTo>
                <a:close/>
                <a:moveTo>
                  <a:pt x="1824" y="814"/>
                </a:moveTo>
                <a:cubicBezTo>
                  <a:pt x="1831" y="814"/>
                  <a:pt x="1836" y="808"/>
                  <a:pt x="1836" y="801"/>
                </a:cubicBezTo>
                <a:cubicBezTo>
                  <a:pt x="1836" y="794"/>
                  <a:pt x="1831" y="788"/>
                  <a:pt x="1824" y="788"/>
                </a:cubicBezTo>
                <a:cubicBezTo>
                  <a:pt x="1817" y="788"/>
                  <a:pt x="1811" y="794"/>
                  <a:pt x="1811" y="801"/>
                </a:cubicBezTo>
                <a:cubicBezTo>
                  <a:pt x="1811" y="808"/>
                  <a:pt x="1817" y="814"/>
                  <a:pt x="1824" y="814"/>
                </a:cubicBezTo>
                <a:close/>
                <a:moveTo>
                  <a:pt x="1890" y="801"/>
                </a:moveTo>
                <a:cubicBezTo>
                  <a:pt x="1890" y="808"/>
                  <a:pt x="1896" y="814"/>
                  <a:pt x="1903" y="814"/>
                </a:cubicBezTo>
                <a:cubicBezTo>
                  <a:pt x="1910" y="814"/>
                  <a:pt x="1915" y="808"/>
                  <a:pt x="1915" y="801"/>
                </a:cubicBezTo>
                <a:cubicBezTo>
                  <a:pt x="1915" y="794"/>
                  <a:pt x="1910" y="788"/>
                  <a:pt x="1903" y="788"/>
                </a:cubicBezTo>
                <a:cubicBezTo>
                  <a:pt x="1896" y="788"/>
                  <a:pt x="1890" y="794"/>
                  <a:pt x="1890" y="801"/>
                </a:cubicBezTo>
                <a:close/>
                <a:moveTo>
                  <a:pt x="1942" y="814"/>
                </a:moveTo>
                <a:cubicBezTo>
                  <a:pt x="1949" y="814"/>
                  <a:pt x="1955" y="808"/>
                  <a:pt x="1955" y="801"/>
                </a:cubicBezTo>
                <a:cubicBezTo>
                  <a:pt x="1955" y="794"/>
                  <a:pt x="1949" y="788"/>
                  <a:pt x="1942" y="788"/>
                </a:cubicBezTo>
                <a:cubicBezTo>
                  <a:pt x="1935" y="788"/>
                  <a:pt x="1929" y="794"/>
                  <a:pt x="1929" y="801"/>
                </a:cubicBezTo>
                <a:cubicBezTo>
                  <a:pt x="1929" y="808"/>
                  <a:pt x="1935" y="814"/>
                  <a:pt x="1942" y="814"/>
                </a:cubicBezTo>
                <a:close/>
                <a:moveTo>
                  <a:pt x="2021" y="788"/>
                </a:moveTo>
                <a:cubicBezTo>
                  <a:pt x="2014" y="788"/>
                  <a:pt x="2008" y="794"/>
                  <a:pt x="2008" y="801"/>
                </a:cubicBezTo>
                <a:cubicBezTo>
                  <a:pt x="2008" y="808"/>
                  <a:pt x="2014" y="814"/>
                  <a:pt x="2021" y="814"/>
                </a:cubicBezTo>
                <a:cubicBezTo>
                  <a:pt x="2028" y="814"/>
                  <a:pt x="2034" y="808"/>
                  <a:pt x="2034" y="801"/>
                </a:cubicBezTo>
                <a:cubicBezTo>
                  <a:pt x="2034" y="794"/>
                  <a:pt x="2028" y="788"/>
                  <a:pt x="2021" y="788"/>
                </a:cubicBezTo>
                <a:close/>
                <a:moveTo>
                  <a:pt x="2060" y="814"/>
                </a:moveTo>
                <a:cubicBezTo>
                  <a:pt x="2067" y="814"/>
                  <a:pt x="2073" y="808"/>
                  <a:pt x="2073" y="801"/>
                </a:cubicBezTo>
                <a:cubicBezTo>
                  <a:pt x="2073" y="794"/>
                  <a:pt x="2067" y="788"/>
                  <a:pt x="2060" y="788"/>
                </a:cubicBezTo>
                <a:cubicBezTo>
                  <a:pt x="2053" y="788"/>
                  <a:pt x="2048" y="794"/>
                  <a:pt x="2048" y="801"/>
                </a:cubicBezTo>
                <a:cubicBezTo>
                  <a:pt x="2048" y="808"/>
                  <a:pt x="2053" y="814"/>
                  <a:pt x="2060" y="814"/>
                </a:cubicBezTo>
                <a:close/>
                <a:moveTo>
                  <a:pt x="2100" y="814"/>
                </a:moveTo>
                <a:cubicBezTo>
                  <a:pt x="2107" y="814"/>
                  <a:pt x="2112" y="808"/>
                  <a:pt x="2112" y="801"/>
                </a:cubicBezTo>
                <a:cubicBezTo>
                  <a:pt x="2112" y="794"/>
                  <a:pt x="2107" y="788"/>
                  <a:pt x="2100" y="788"/>
                </a:cubicBezTo>
                <a:cubicBezTo>
                  <a:pt x="2093" y="788"/>
                  <a:pt x="2087" y="794"/>
                  <a:pt x="2087" y="801"/>
                </a:cubicBezTo>
                <a:cubicBezTo>
                  <a:pt x="2087" y="808"/>
                  <a:pt x="2093" y="814"/>
                  <a:pt x="2100" y="814"/>
                </a:cubicBezTo>
                <a:close/>
                <a:moveTo>
                  <a:pt x="2139" y="814"/>
                </a:moveTo>
                <a:cubicBezTo>
                  <a:pt x="2146" y="814"/>
                  <a:pt x="2152" y="808"/>
                  <a:pt x="2152" y="801"/>
                </a:cubicBezTo>
                <a:cubicBezTo>
                  <a:pt x="2152" y="794"/>
                  <a:pt x="2146" y="788"/>
                  <a:pt x="2139" y="788"/>
                </a:cubicBezTo>
                <a:cubicBezTo>
                  <a:pt x="2132" y="788"/>
                  <a:pt x="2126" y="794"/>
                  <a:pt x="2126" y="801"/>
                </a:cubicBezTo>
                <a:cubicBezTo>
                  <a:pt x="2126" y="808"/>
                  <a:pt x="2132" y="814"/>
                  <a:pt x="2139" y="814"/>
                </a:cubicBezTo>
                <a:close/>
                <a:moveTo>
                  <a:pt x="2179" y="814"/>
                </a:moveTo>
                <a:cubicBezTo>
                  <a:pt x="2186" y="814"/>
                  <a:pt x="2191" y="808"/>
                  <a:pt x="2191" y="801"/>
                </a:cubicBezTo>
                <a:cubicBezTo>
                  <a:pt x="2191" y="794"/>
                  <a:pt x="2186" y="788"/>
                  <a:pt x="2179" y="788"/>
                </a:cubicBezTo>
                <a:cubicBezTo>
                  <a:pt x="2172" y="788"/>
                  <a:pt x="2166" y="794"/>
                  <a:pt x="2166" y="801"/>
                </a:cubicBezTo>
                <a:cubicBezTo>
                  <a:pt x="2166" y="808"/>
                  <a:pt x="2172" y="814"/>
                  <a:pt x="2179" y="814"/>
                </a:cubicBezTo>
                <a:close/>
                <a:moveTo>
                  <a:pt x="2218" y="814"/>
                </a:moveTo>
                <a:cubicBezTo>
                  <a:pt x="2225" y="814"/>
                  <a:pt x="2231" y="808"/>
                  <a:pt x="2231" y="801"/>
                </a:cubicBezTo>
                <a:cubicBezTo>
                  <a:pt x="2231" y="794"/>
                  <a:pt x="2225" y="788"/>
                  <a:pt x="2218" y="788"/>
                </a:cubicBezTo>
                <a:cubicBezTo>
                  <a:pt x="2211" y="788"/>
                  <a:pt x="2205" y="794"/>
                  <a:pt x="2205" y="801"/>
                </a:cubicBezTo>
                <a:cubicBezTo>
                  <a:pt x="2205" y="808"/>
                  <a:pt x="2211" y="814"/>
                  <a:pt x="2218" y="814"/>
                </a:cubicBezTo>
                <a:close/>
                <a:moveTo>
                  <a:pt x="2257" y="814"/>
                </a:moveTo>
                <a:cubicBezTo>
                  <a:pt x="2264" y="814"/>
                  <a:pt x="2270" y="808"/>
                  <a:pt x="2270" y="801"/>
                </a:cubicBezTo>
                <a:cubicBezTo>
                  <a:pt x="2270" y="794"/>
                  <a:pt x="2264" y="788"/>
                  <a:pt x="2257" y="788"/>
                </a:cubicBezTo>
                <a:cubicBezTo>
                  <a:pt x="2250" y="788"/>
                  <a:pt x="2245" y="794"/>
                  <a:pt x="2245" y="801"/>
                </a:cubicBezTo>
                <a:cubicBezTo>
                  <a:pt x="2245" y="808"/>
                  <a:pt x="2250" y="814"/>
                  <a:pt x="2257" y="814"/>
                </a:cubicBezTo>
                <a:close/>
                <a:moveTo>
                  <a:pt x="2297" y="814"/>
                </a:moveTo>
                <a:cubicBezTo>
                  <a:pt x="2304" y="814"/>
                  <a:pt x="2310" y="808"/>
                  <a:pt x="2310" y="801"/>
                </a:cubicBezTo>
                <a:cubicBezTo>
                  <a:pt x="2310" y="794"/>
                  <a:pt x="2304" y="788"/>
                  <a:pt x="2297" y="788"/>
                </a:cubicBezTo>
                <a:cubicBezTo>
                  <a:pt x="2290" y="788"/>
                  <a:pt x="2284" y="794"/>
                  <a:pt x="2284" y="801"/>
                </a:cubicBezTo>
                <a:cubicBezTo>
                  <a:pt x="2284" y="808"/>
                  <a:pt x="2290" y="814"/>
                  <a:pt x="2297" y="814"/>
                </a:cubicBezTo>
                <a:close/>
                <a:moveTo>
                  <a:pt x="2336" y="814"/>
                </a:moveTo>
                <a:cubicBezTo>
                  <a:pt x="2343" y="814"/>
                  <a:pt x="2349" y="808"/>
                  <a:pt x="2349" y="801"/>
                </a:cubicBezTo>
                <a:cubicBezTo>
                  <a:pt x="2349" y="794"/>
                  <a:pt x="2343" y="788"/>
                  <a:pt x="2336" y="788"/>
                </a:cubicBezTo>
                <a:cubicBezTo>
                  <a:pt x="2329" y="788"/>
                  <a:pt x="2323" y="794"/>
                  <a:pt x="2323" y="801"/>
                </a:cubicBezTo>
                <a:cubicBezTo>
                  <a:pt x="2323" y="808"/>
                  <a:pt x="2329" y="814"/>
                  <a:pt x="2336" y="814"/>
                </a:cubicBezTo>
                <a:close/>
                <a:moveTo>
                  <a:pt x="2376" y="814"/>
                </a:moveTo>
                <a:cubicBezTo>
                  <a:pt x="2383" y="814"/>
                  <a:pt x="2388" y="808"/>
                  <a:pt x="2388" y="801"/>
                </a:cubicBezTo>
                <a:cubicBezTo>
                  <a:pt x="2388" y="794"/>
                  <a:pt x="2383" y="788"/>
                  <a:pt x="2376" y="788"/>
                </a:cubicBezTo>
                <a:cubicBezTo>
                  <a:pt x="2369" y="788"/>
                  <a:pt x="2363" y="794"/>
                  <a:pt x="2363" y="801"/>
                </a:cubicBezTo>
                <a:cubicBezTo>
                  <a:pt x="2363" y="808"/>
                  <a:pt x="2369" y="814"/>
                  <a:pt x="2376" y="814"/>
                </a:cubicBezTo>
                <a:close/>
                <a:moveTo>
                  <a:pt x="2415" y="814"/>
                </a:moveTo>
                <a:cubicBezTo>
                  <a:pt x="2422" y="814"/>
                  <a:pt x="2428" y="808"/>
                  <a:pt x="2428" y="801"/>
                </a:cubicBezTo>
                <a:cubicBezTo>
                  <a:pt x="2428" y="794"/>
                  <a:pt x="2422" y="788"/>
                  <a:pt x="2415" y="788"/>
                </a:cubicBezTo>
                <a:cubicBezTo>
                  <a:pt x="2408" y="788"/>
                  <a:pt x="2402" y="794"/>
                  <a:pt x="2402" y="801"/>
                </a:cubicBezTo>
                <a:cubicBezTo>
                  <a:pt x="2402" y="808"/>
                  <a:pt x="2408" y="814"/>
                  <a:pt x="2415" y="814"/>
                </a:cubicBezTo>
                <a:close/>
                <a:moveTo>
                  <a:pt x="2455" y="814"/>
                </a:moveTo>
                <a:cubicBezTo>
                  <a:pt x="2462" y="814"/>
                  <a:pt x="2467" y="808"/>
                  <a:pt x="2467" y="801"/>
                </a:cubicBezTo>
                <a:cubicBezTo>
                  <a:pt x="2467" y="794"/>
                  <a:pt x="2462" y="788"/>
                  <a:pt x="2455" y="788"/>
                </a:cubicBezTo>
                <a:cubicBezTo>
                  <a:pt x="2447" y="788"/>
                  <a:pt x="2442" y="794"/>
                  <a:pt x="2442" y="801"/>
                </a:cubicBezTo>
                <a:cubicBezTo>
                  <a:pt x="2442" y="808"/>
                  <a:pt x="2447" y="814"/>
                  <a:pt x="2455" y="814"/>
                </a:cubicBezTo>
                <a:close/>
                <a:moveTo>
                  <a:pt x="2494" y="814"/>
                </a:moveTo>
                <a:cubicBezTo>
                  <a:pt x="2501" y="814"/>
                  <a:pt x="2507" y="808"/>
                  <a:pt x="2507" y="801"/>
                </a:cubicBezTo>
                <a:cubicBezTo>
                  <a:pt x="2507" y="794"/>
                  <a:pt x="2501" y="788"/>
                  <a:pt x="2494" y="788"/>
                </a:cubicBezTo>
                <a:cubicBezTo>
                  <a:pt x="2487" y="788"/>
                  <a:pt x="2481" y="794"/>
                  <a:pt x="2481" y="801"/>
                </a:cubicBezTo>
                <a:cubicBezTo>
                  <a:pt x="2481" y="808"/>
                  <a:pt x="2487" y="814"/>
                  <a:pt x="2494" y="814"/>
                </a:cubicBezTo>
                <a:close/>
                <a:moveTo>
                  <a:pt x="2533" y="814"/>
                </a:moveTo>
                <a:cubicBezTo>
                  <a:pt x="2540" y="814"/>
                  <a:pt x="2546" y="808"/>
                  <a:pt x="2546" y="801"/>
                </a:cubicBezTo>
                <a:cubicBezTo>
                  <a:pt x="2546" y="794"/>
                  <a:pt x="2540" y="788"/>
                  <a:pt x="2533" y="788"/>
                </a:cubicBezTo>
                <a:cubicBezTo>
                  <a:pt x="2526" y="788"/>
                  <a:pt x="2521" y="794"/>
                  <a:pt x="2521" y="801"/>
                </a:cubicBezTo>
                <a:cubicBezTo>
                  <a:pt x="2521" y="808"/>
                  <a:pt x="2526" y="814"/>
                  <a:pt x="2533" y="814"/>
                </a:cubicBezTo>
                <a:close/>
                <a:moveTo>
                  <a:pt x="2573" y="814"/>
                </a:moveTo>
                <a:cubicBezTo>
                  <a:pt x="2580" y="814"/>
                  <a:pt x="2586" y="808"/>
                  <a:pt x="2586" y="801"/>
                </a:cubicBezTo>
                <a:cubicBezTo>
                  <a:pt x="2586" y="794"/>
                  <a:pt x="2580" y="788"/>
                  <a:pt x="2573" y="788"/>
                </a:cubicBezTo>
                <a:cubicBezTo>
                  <a:pt x="2566" y="788"/>
                  <a:pt x="2560" y="794"/>
                  <a:pt x="2560" y="801"/>
                </a:cubicBezTo>
                <a:cubicBezTo>
                  <a:pt x="2560" y="808"/>
                  <a:pt x="2566" y="814"/>
                  <a:pt x="2573" y="814"/>
                </a:cubicBezTo>
                <a:close/>
                <a:moveTo>
                  <a:pt x="2612" y="814"/>
                </a:moveTo>
                <a:cubicBezTo>
                  <a:pt x="2619" y="814"/>
                  <a:pt x="2625" y="808"/>
                  <a:pt x="2625" y="801"/>
                </a:cubicBezTo>
                <a:cubicBezTo>
                  <a:pt x="2625" y="794"/>
                  <a:pt x="2619" y="788"/>
                  <a:pt x="2612" y="788"/>
                </a:cubicBezTo>
                <a:cubicBezTo>
                  <a:pt x="2605" y="788"/>
                  <a:pt x="2599" y="794"/>
                  <a:pt x="2599" y="801"/>
                </a:cubicBezTo>
                <a:cubicBezTo>
                  <a:pt x="2599" y="808"/>
                  <a:pt x="2605" y="814"/>
                  <a:pt x="2612" y="814"/>
                </a:cubicBezTo>
                <a:close/>
                <a:moveTo>
                  <a:pt x="2652" y="814"/>
                </a:moveTo>
                <a:cubicBezTo>
                  <a:pt x="2659" y="814"/>
                  <a:pt x="2664" y="808"/>
                  <a:pt x="2664" y="801"/>
                </a:cubicBezTo>
                <a:cubicBezTo>
                  <a:pt x="2664" y="794"/>
                  <a:pt x="2659" y="788"/>
                  <a:pt x="2652" y="788"/>
                </a:cubicBezTo>
                <a:cubicBezTo>
                  <a:pt x="2645" y="788"/>
                  <a:pt x="2639" y="794"/>
                  <a:pt x="2639" y="801"/>
                </a:cubicBezTo>
                <a:cubicBezTo>
                  <a:pt x="2639" y="808"/>
                  <a:pt x="2645" y="814"/>
                  <a:pt x="2652" y="814"/>
                </a:cubicBezTo>
                <a:close/>
                <a:moveTo>
                  <a:pt x="2691" y="814"/>
                </a:moveTo>
                <a:cubicBezTo>
                  <a:pt x="2698" y="814"/>
                  <a:pt x="2704" y="808"/>
                  <a:pt x="2704" y="801"/>
                </a:cubicBezTo>
                <a:cubicBezTo>
                  <a:pt x="2704" y="794"/>
                  <a:pt x="2698" y="788"/>
                  <a:pt x="2691" y="788"/>
                </a:cubicBezTo>
                <a:cubicBezTo>
                  <a:pt x="2684" y="788"/>
                  <a:pt x="2678" y="794"/>
                  <a:pt x="2678" y="801"/>
                </a:cubicBezTo>
                <a:cubicBezTo>
                  <a:pt x="2678" y="808"/>
                  <a:pt x="2684" y="814"/>
                  <a:pt x="2691" y="814"/>
                </a:cubicBezTo>
                <a:close/>
                <a:moveTo>
                  <a:pt x="2730" y="814"/>
                </a:moveTo>
                <a:cubicBezTo>
                  <a:pt x="2738" y="814"/>
                  <a:pt x="2743" y="808"/>
                  <a:pt x="2743" y="801"/>
                </a:cubicBezTo>
                <a:cubicBezTo>
                  <a:pt x="2743" y="794"/>
                  <a:pt x="2738" y="788"/>
                  <a:pt x="2730" y="788"/>
                </a:cubicBezTo>
                <a:cubicBezTo>
                  <a:pt x="2723" y="788"/>
                  <a:pt x="2718" y="794"/>
                  <a:pt x="2718" y="801"/>
                </a:cubicBezTo>
                <a:cubicBezTo>
                  <a:pt x="2718" y="808"/>
                  <a:pt x="2723" y="814"/>
                  <a:pt x="2730" y="814"/>
                </a:cubicBezTo>
                <a:close/>
                <a:moveTo>
                  <a:pt x="2770" y="814"/>
                </a:moveTo>
                <a:cubicBezTo>
                  <a:pt x="2777" y="814"/>
                  <a:pt x="2783" y="808"/>
                  <a:pt x="2783" y="801"/>
                </a:cubicBezTo>
                <a:cubicBezTo>
                  <a:pt x="2783" y="794"/>
                  <a:pt x="2777" y="788"/>
                  <a:pt x="2770" y="788"/>
                </a:cubicBezTo>
                <a:cubicBezTo>
                  <a:pt x="2763" y="788"/>
                  <a:pt x="2757" y="794"/>
                  <a:pt x="2757" y="801"/>
                </a:cubicBezTo>
                <a:cubicBezTo>
                  <a:pt x="2757" y="808"/>
                  <a:pt x="2763" y="814"/>
                  <a:pt x="2770" y="814"/>
                </a:cubicBezTo>
                <a:close/>
                <a:moveTo>
                  <a:pt x="2809" y="814"/>
                </a:moveTo>
                <a:cubicBezTo>
                  <a:pt x="2816" y="814"/>
                  <a:pt x="2822" y="808"/>
                  <a:pt x="2822" y="801"/>
                </a:cubicBezTo>
                <a:cubicBezTo>
                  <a:pt x="2822" y="794"/>
                  <a:pt x="2816" y="788"/>
                  <a:pt x="2809" y="788"/>
                </a:cubicBezTo>
                <a:cubicBezTo>
                  <a:pt x="2802" y="788"/>
                  <a:pt x="2797" y="794"/>
                  <a:pt x="2797" y="801"/>
                </a:cubicBezTo>
                <a:cubicBezTo>
                  <a:pt x="2797" y="808"/>
                  <a:pt x="2802" y="814"/>
                  <a:pt x="2809" y="814"/>
                </a:cubicBezTo>
                <a:close/>
                <a:moveTo>
                  <a:pt x="2849" y="814"/>
                </a:moveTo>
                <a:cubicBezTo>
                  <a:pt x="2856" y="814"/>
                  <a:pt x="2862" y="808"/>
                  <a:pt x="2862" y="801"/>
                </a:cubicBezTo>
                <a:cubicBezTo>
                  <a:pt x="2862" y="794"/>
                  <a:pt x="2856" y="788"/>
                  <a:pt x="2849" y="788"/>
                </a:cubicBezTo>
                <a:cubicBezTo>
                  <a:pt x="2842" y="788"/>
                  <a:pt x="2836" y="794"/>
                  <a:pt x="2836" y="801"/>
                </a:cubicBezTo>
                <a:cubicBezTo>
                  <a:pt x="2836" y="808"/>
                  <a:pt x="2842" y="814"/>
                  <a:pt x="2849" y="814"/>
                </a:cubicBezTo>
                <a:close/>
                <a:moveTo>
                  <a:pt x="2888" y="814"/>
                </a:moveTo>
                <a:cubicBezTo>
                  <a:pt x="2895" y="814"/>
                  <a:pt x="2901" y="808"/>
                  <a:pt x="2901" y="801"/>
                </a:cubicBezTo>
                <a:cubicBezTo>
                  <a:pt x="2901" y="794"/>
                  <a:pt x="2895" y="788"/>
                  <a:pt x="2888" y="788"/>
                </a:cubicBezTo>
                <a:cubicBezTo>
                  <a:pt x="2881" y="788"/>
                  <a:pt x="2875" y="794"/>
                  <a:pt x="2875" y="801"/>
                </a:cubicBezTo>
                <a:cubicBezTo>
                  <a:pt x="2875" y="808"/>
                  <a:pt x="2881" y="814"/>
                  <a:pt x="2888" y="814"/>
                </a:cubicBezTo>
                <a:close/>
                <a:moveTo>
                  <a:pt x="2928" y="814"/>
                </a:moveTo>
                <a:cubicBezTo>
                  <a:pt x="2935" y="814"/>
                  <a:pt x="2940" y="808"/>
                  <a:pt x="2940" y="801"/>
                </a:cubicBezTo>
                <a:cubicBezTo>
                  <a:pt x="2940" y="794"/>
                  <a:pt x="2935" y="788"/>
                  <a:pt x="2928" y="788"/>
                </a:cubicBezTo>
                <a:cubicBezTo>
                  <a:pt x="2921" y="788"/>
                  <a:pt x="2915" y="794"/>
                  <a:pt x="2915" y="801"/>
                </a:cubicBezTo>
                <a:cubicBezTo>
                  <a:pt x="2915" y="808"/>
                  <a:pt x="2921" y="814"/>
                  <a:pt x="2928" y="814"/>
                </a:cubicBezTo>
                <a:close/>
                <a:moveTo>
                  <a:pt x="602" y="828"/>
                </a:moveTo>
                <a:cubicBezTo>
                  <a:pt x="595" y="828"/>
                  <a:pt x="589" y="834"/>
                  <a:pt x="589" y="841"/>
                </a:cubicBezTo>
                <a:cubicBezTo>
                  <a:pt x="589" y="848"/>
                  <a:pt x="595" y="853"/>
                  <a:pt x="602" y="853"/>
                </a:cubicBezTo>
                <a:cubicBezTo>
                  <a:pt x="609" y="853"/>
                  <a:pt x="614" y="848"/>
                  <a:pt x="614" y="841"/>
                </a:cubicBezTo>
                <a:cubicBezTo>
                  <a:pt x="614" y="834"/>
                  <a:pt x="609" y="828"/>
                  <a:pt x="602" y="828"/>
                </a:cubicBezTo>
                <a:close/>
                <a:moveTo>
                  <a:pt x="641" y="853"/>
                </a:moveTo>
                <a:cubicBezTo>
                  <a:pt x="648" y="853"/>
                  <a:pt x="654" y="848"/>
                  <a:pt x="654" y="841"/>
                </a:cubicBezTo>
                <a:cubicBezTo>
                  <a:pt x="654" y="834"/>
                  <a:pt x="648" y="828"/>
                  <a:pt x="641" y="828"/>
                </a:cubicBezTo>
                <a:cubicBezTo>
                  <a:pt x="634" y="828"/>
                  <a:pt x="628" y="834"/>
                  <a:pt x="628" y="841"/>
                </a:cubicBezTo>
                <a:cubicBezTo>
                  <a:pt x="628" y="848"/>
                  <a:pt x="634" y="853"/>
                  <a:pt x="641" y="853"/>
                </a:cubicBezTo>
                <a:close/>
                <a:moveTo>
                  <a:pt x="680" y="853"/>
                </a:moveTo>
                <a:cubicBezTo>
                  <a:pt x="687" y="853"/>
                  <a:pt x="693" y="848"/>
                  <a:pt x="693" y="841"/>
                </a:cubicBezTo>
                <a:cubicBezTo>
                  <a:pt x="693" y="834"/>
                  <a:pt x="687" y="828"/>
                  <a:pt x="680" y="828"/>
                </a:cubicBezTo>
                <a:cubicBezTo>
                  <a:pt x="673" y="828"/>
                  <a:pt x="668" y="834"/>
                  <a:pt x="668" y="841"/>
                </a:cubicBezTo>
                <a:cubicBezTo>
                  <a:pt x="668" y="848"/>
                  <a:pt x="673" y="853"/>
                  <a:pt x="680" y="853"/>
                </a:cubicBezTo>
                <a:close/>
                <a:moveTo>
                  <a:pt x="878" y="828"/>
                </a:moveTo>
                <a:cubicBezTo>
                  <a:pt x="871" y="828"/>
                  <a:pt x="865" y="834"/>
                  <a:pt x="865" y="841"/>
                </a:cubicBezTo>
                <a:cubicBezTo>
                  <a:pt x="865" y="848"/>
                  <a:pt x="871" y="853"/>
                  <a:pt x="878" y="853"/>
                </a:cubicBezTo>
                <a:cubicBezTo>
                  <a:pt x="885" y="853"/>
                  <a:pt x="890" y="848"/>
                  <a:pt x="890" y="841"/>
                </a:cubicBezTo>
                <a:cubicBezTo>
                  <a:pt x="890" y="834"/>
                  <a:pt x="885" y="828"/>
                  <a:pt x="878" y="828"/>
                </a:cubicBezTo>
                <a:close/>
                <a:moveTo>
                  <a:pt x="1587" y="853"/>
                </a:moveTo>
                <a:cubicBezTo>
                  <a:pt x="1594" y="853"/>
                  <a:pt x="1600" y="848"/>
                  <a:pt x="1600" y="841"/>
                </a:cubicBezTo>
                <a:cubicBezTo>
                  <a:pt x="1600" y="834"/>
                  <a:pt x="1594" y="828"/>
                  <a:pt x="1587" y="828"/>
                </a:cubicBezTo>
                <a:cubicBezTo>
                  <a:pt x="1580" y="828"/>
                  <a:pt x="1574" y="834"/>
                  <a:pt x="1574" y="841"/>
                </a:cubicBezTo>
                <a:cubicBezTo>
                  <a:pt x="1574" y="848"/>
                  <a:pt x="1580" y="853"/>
                  <a:pt x="1587" y="853"/>
                </a:cubicBezTo>
                <a:close/>
                <a:moveTo>
                  <a:pt x="1627" y="853"/>
                </a:moveTo>
                <a:cubicBezTo>
                  <a:pt x="1634" y="853"/>
                  <a:pt x="1639" y="848"/>
                  <a:pt x="1639" y="841"/>
                </a:cubicBezTo>
                <a:cubicBezTo>
                  <a:pt x="1639" y="834"/>
                  <a:pt x="1634" y="828"/>
                  <a:pt x="1627" y="828"/>
                </a:cubicBezTo>
                <a:cubicBezTo>
                  <a:pt x="1620" y="828"/>
                  <a:pt x="1614" y="834"/>
                  <a:pt x="1614" y="841"/>
                </a:cubicBezTo>
                <a:cubicBezTo>
                  <a:pt x="1614" y="848"/>
                  <a:pt x="1620" y="853"/>
                  <a:pt x="1627" y="853"/>
                </a:cubicBezTo>
                <a:close/>
                <a:moveTo>
                  <a:pt x="1666" y="853"/>
                </a:moveTo>
                <a:cubicBezTo>
                  <a:pt x="1673" y="853"/>
                  <a:pt x="1679" y="848"/>
                  <a:pt x="1679" y="841"/>
                </a:cubicBezTo>
                <a:cubicBezTo>
                  <a:pt x="1679" y="834"/>
                  <a:pt x="1673" y="828"/>
                  <a:pt x="1666" y="828"/>
                </a:cubicBezTo>
                <a:cubicBezTo>
                  <a:pt x="1659" y="828"/>
                  <a:pt x="1653" y="834"/>
                  <a:pt x="1653" y="841"/>
                </a:cubicBezTo>
                <a:cubicBezTo>
                  <a:pt x="1653" y="848"/>
                  <a:pt x="1659" y="853"/>
                  <a:pt x="1666" y="853"/>
                </a:cubicBezTo>
                <a:close/>
                <a:moveTo>
                  <a:pt x="1705" y="853"/>
                </a:moveTo>
                <a:cubicBezTo>
                  <a:pt x="1713" y="853"/>
                  <a:pt x="1718" y="848"/>
                  <a:pt x="1718" y="841"/>
                </a:cubicBezTo>
                <a:cubicBezTo>
                  <a:pt x="1718" y="834"/>
                  <a:pt x="1713" y="828"/>
                  <a:pt x="1705" y="828"/>
                </a:cubicBezTo>
                <a:cubicBezTo>
                  <a:pt x="1698" y="828"/>
                  <a:pt x="1693" y="834"/>
                  <a:pt x="1693" y="841"/>
                </a:cubicBezTo>
                <a:cubicBezTo>
                  <a:pt x="1693" y="848"/>
                  <a:pt x="1698" y="853"/>
                  <a:pt x="1705" y="853"/>
                </a:cubicBezTo>
                <a:close/>
                <a:moveTo>
                  <a:pt x="1745" y="853"/>
                </a:moveTo>
                <a:cubicBezTo>
                  <a:pt x="1752" y="853"/>
                  <a:pt x="1758" y="848"/>
                  <a:pt x="1758" y="841"/>
                </a:cubicBezTo>
                <a:cubicBezTo>
                  <a:pt x="1758" y="834"/>
                  <a:pt x="1752" y="828"/>
                  <a:pt x="1745" y="828"/>
                </a:cubicBezTo>
                <a:cubicBezTo>
                  <a:pt x="1738" y="828"/>
                  <a:pt x="1732" y="834"/>
                  <a:pt x="1732" y="841"/>
                </a:cubicBezTo>
                <a:cubicBezTo>
                  <a:pt x="1732" y="848"/>
                  <a:pt x="1738" y="853"/>
                  <a:pt x="1745" y="853"/>
                </a:cubicBezTo>
                <a:close/>
                <a:moveTo>
                  <a:pt x="1784" y="853"/>
                </a:moveTo>
                <a:cubicBezTo>
                  <a:pt x="1791" y="853"/>
                  <a:pt x="1797" y="848"/>
                  <a:pt x="1797" y="841"/>
                </a:cubicBezTo>
                <a:cubicBezTo>
                  <a:pt x="1797" y="834"/>
                  <a:pt x="1791" y="828"/>
                  <a:pt x="1784" y="828"/>
                </a:cubicBezTo>
                <a:cubicBezTo>
                  <a:pt x="1777" y="828"/>
                  <a:pt x="1772" y="834"/>
                  <a:pt x="1772" y="841"/>
                </a:cubicBezTo>
                <a:cubicBezTo>
                  <a:pt x="1772" y="848"/>
                  <a:pt x="1777" y="853"/>
                  <a:pt x="1784" y="853"/>
                </a:cubicBezTo>
                <a:close/>
                <a:moveTo>
                  <a:pt x="1824" y="853"/>
                </a:moveTo>
                <a:cubicBezTo>
                  <a:pt x="1831" y="853"/>
                  <a:pt x="1836" y="848"/>
                  <a:pt x="1836" y="841"/>
                </a:cubicBezTo>
                <a:cubicBezTo>
                  <a:pt x="1836" y="834"/>
                  <a:pt x="1831" y="828"/>
                  <a:pt x="1824" y="828"/>
                </a:cubicBezTo>
                <a:cubicBezTo>
                  <a:pt x="1817" y="828"/>
                  <a:pt x="1811" y="834"/>
                  <a:pt x="1811" y="841"/>
                </a:cubicBezTo>
                <a:cubicBezTo>
                  <a:pt x="1811" y="848"/>
                  <a:pt x="1817" y="853"/>
                  <a:pt x="1824" y="853"/>
                </a:cubicBezTo>
                <a:close/>
                <a:moveTo>
                  <a:pt x="1863" y="853"/>
                </a:moveTo>
                <a:cubicBezTo>
                  <a:pt x="1870" y="853"/>
                  <a:pt x="1876" y="848"/>
                  <a:pt x="1876" y="841"/>
                </a:cubicBezTo>
                <a:cubicBezTo>
                  <a:pt x="1876" y="834"/>
                  <a:pt x="1870" y="828"/>
                  <a:pt x="1863" y="828"/>
                </a:cubicBezTo>
                <a:cubicBezTo>
                  <a:pt x="1856" y="828"/>
                  <a:pt x="1850" y="834"/>
                  <a:pt x="1850" y="841"/>
                </a:cubicBezTo>
                <a:cubicBezTo>
                  <a:pt x="1850" y="848"/>
                  <a:pt x="1856" y="853"/>
                  <a:pt x="1863" y="853"/>
                </a:cubicBezTo>
                <a:close/>
                <a:moveTo>
                  <a:pt x="1903" y="853"/>
                </a:moveTo>
                <a:cubicBezTo>
                  <a:pt x="1910" y="853"/>
                  <a:pt x="1915" y="848"/>
                  <a:pt x="1915" y="841"/>
                </a:cubicBezTo>
                <a:cubicBezTo>
                  <a:pt x="1915" y="834"/>
                  <a:pt x="1910" y="828"/>
                  <a:pt x="1903" y="828"/>
                </a:cubicBezTo>
                <a:cubicBezTo>
                  <a:pt x="1896" y="828"/>
                  <a:pt x="1890" y="834"/>
                  <a:pt x="1890" y="841"/>
                </a:cubicBezTo>
                <a:cubicBezTo>
                  <a:pt x="1890" y="848"/>
                  <a:pt x="1896" y="853"/>
                  <a:pt x="1903" y="853"/>
                </a:cubicBezTo>
                <a:close/>
                <a:moveTo>
                  <a:pt x="1942" y="853"/>
                </a:moveTo>
                <a:cubicBezTo>
                  <a:pt x="1949" y="853"/>
                  <a:pt x="1955" y="848"/>
                  <a:pt x="1955" y="841"/>
                </a:cubicBezTo>
                <a:cubicBezTo>
                  <a:pt x="1955" y="834"/>
                  <a:pt x="1949" y="828"/>
                  <a:pt x="1942" y="828"/>
                </a:cubicBezTo>
                <a:cubicBezTo>
                  <a:pt x="1935" y="828"/>
                  <a:pt x="1929" y="834"/>
                  <a:pt x="1929" y="841"/>
                </a:cubicBezTo>
                <a:cubicBezTo>
                  <a:pt x="1929" y="848"/>
                  <a:pt x="1935" y="853"/>
                  <a:pt x="1942" y="853"/>
                </a:cubicBezTo>
                <a:close/>
                <a:moveTo>
                  <a:pt x="1981" y="853"/>
                </a:moveTo>
                <a:cubicBezTo>
                  <a:pt x="1988" y="853"/>
                  <a:pt x="1994" y="848"/>
                  <a:pt x="1994" y="841"/>
                </a:cubicBezTo>
                <a:cubicBezTo>
                  <a:pt x="1994" y="834"/>
                  <a:pt x="1988" y="828"/>
                  <a:pt x="1981" y="828"/>
                </a:cubicBezTo>
                <a:cubicBezTo>
                  <a:pt x="1974" y="828"/>
                  <a:pt x="1969" y="834"/>
                  <a:pt x="1969" y="841"/>
                </a:cubicBezTo>
                <a:cubicBezTo>
                  <a:pt x="1969" y="848"/>
                  <a:pt x="1974" y="853"/>
                  <a:pt x="1981" y="853"/>
                </a:cubicBezTo>
                <a:close/>
                <a:moveTo>
                  <a:pt x="2021" y="853"/>
                </a:moveTo>
                <a:cubicBezTo>
                  <a:pt x="2028" y="853"/>
                  <a:pt x="2034" y="848"/>
                  <a:pt x="2034" y="841"/>
                </a:cubicBezTo>
                <a:cubicBezTo>
                  <a:pt x="2034" y="834"/>
                  <a:pt x="2028" y="828"/>
                  <a:pt x="2021" y="828"/>
                </a:cubicBezTo>
                <a:cubicBezTo>
                  <a:pt x="2014" y="828"/>
                  <a:pt x="2008" y="834"/>
                  <a:pt x="2008" y="841"/>
                </a:cubicBezTo>
                <a:cubicBezTo>
                  <a:pt x="2008" y="848"/>
                  <a:pt x="2014" y="853"/>
                  <a:pt x="2021" y="853"/>
                </a:cubicBezTo>
                <a:close/>
                <a:moveTo>
                  <a:pt x="2060" y="853"/>
                </a:moveTo>
                <a:cubicBezTo>
                  <a:pt x="2067" y="853"/>
                  <a:pt x="2073" y="848"/>
                  <a:pt x="2073" y="841"/>
                </a:cubicBezTo>
                <a:cubicBezTo>
                  <a:pt x="2073" y="834"/>
                  <a:pt x="2067" y="828"/>
                  <a:pt x="2060" y="828"/>
                </a:cubicBezTo>
                <a:cubicBezTo>
                  <a:pt x="2053" y="828"/>
                  <a:pt x="2048" y="834"/>
                  <a:pt x="2048" y="841"/>
                </a:cubicBezTo>
                <a:cubicBezTo>
                  <a:pt x="2048" y="848"/>
                  <a:pt x="2053" y="853"/>
                  <a:pt x="2060" y="853"/>
                </a:cubicBezTo>
                <a:close/>
                <a:moveTo>
                  <a:pt x="2100" y="853"/>
                </a:moveTo>
                <a:cubicBezTo>
                  <a:pt x="2107" y="853"/>
                  <a:pt x="2112" y="848"/>
                  <a:pt x="2112" y="841"/>
                </a:cubicBezTo>
                <a:cubicBezTo>
                  <a:pt x="2112" y="834"/>
                  <a:pt x="2107" y="828"/>
                  <a:pt x="2100" y="828"/>
                </a:cubicBezTo>
                <a:cubicBezTo>
                  <a:pt x="2093" y="828"/>
                  <a:pt x="2087" y="834"/>
                  <a:pt x="2087" y="841"/>
                </a:cubicBezTo>
                <a:cubicBezTo>
                  <a:pt x="2087" y="848"/>
                  <a:pt x="2093" y="853"/>
                  <a:pt x="2100" y="853"/>
                </a:cubicBezTo>
                <a:close/>
                <a:moveTo>
                  <a:pt x="2139" y="853"/>
                </a:moveTo>
                <a:cubicBezTo>
                  <a:pt x="2146" y="853"/>
                  <a:pt x="2152" y="848"/>
                  <a:pt x="2152" y="841"/>
                </a:cubicBezTo>
                <a:cubicBezTo>
                  <a:pt x="2152" y="834"/>
                  <a:pt x="2146" y="828"/>
                  <a:pt x="2139" y="828"/>
                </a:cubicBezTo>
                <a:cubicBezTo>
                  <a:pt x="2132" y="828"/>
                  <a:pt x="2126" y="834"/>
                  <a:pt x="2126" y="841"/>
                </a:cubicBezTo>
                <a:cubicBezTo>
                  <a:pt x="2126" y="848"/>
                  <a:pt x="2132" y="853"/>
                  <a:pt x="2139" y="853"/>
                </a:cubicBezTo>
                <a:close/>
                <a:moveTo>
                  <a:pt x="2179" y="853"/>
                </a:moveTo>
                <a:cubicBezTo>
                  <a:pt x="2186" y="853"/>
                  <a:pt x="2191" y="848"/>
                  <a:pt x="2191" y="841"/>
                </a:cubicBezTo>
                <a:cubicBezTo>
                  <a:pt x="2191" y="834"/>
                  <a:pt x="2186" y="828"/>
                  <a:pt x="2179" y="828"/>
                </a:cubicBezTo>
                <a:cubicBezTo>
                  <a:pt x="2172" y="828"/>
                  <a:pt x="2166" y="834"/>
                  <a:pt x="2166" y="841"/>
                </a:cubicBezTo>
                <a:cubicBezTo>
                  <a:pt x="2166" y="848"/>
                  <a:pt x="2172" y="853"/>
                  <a:pt x="2179" y="853"/>
                </a:cubicBezTo>
                <a:close/>
                <a:moveTo>
                  <a:pt x="2257" y="853"/>
                </a:moveTo>
                <a:cubicBezTo>
                  <a:pt x="2264" y="853"/>
                  <a:pt x="2270" y="848"/>
                  <a:pt x="2270" y="841"/>
                </a:cubicBezTo>
                <a:cubicBezTo>
                  <a:pt x="2270" y="834"/>
                  <a:pt x="2264" y="828"/>
                  <a:pt x="2257" y="828"/>
                </a:cubicBezTo>
                <a:cubicBezTo>
                  <a:pt x="2250" y="828"/>
                  <a:pt x="2245" y="834"/>
                  <a:pt x="2245" y="841"/>
                </a:cubicBezTo>
                <a:cubicBezTo>
                  <a:pt x="2245" y="848"/>
                  <a:pt x="2250" y="853"/>
                  <a:pt x="2257" y="853"/>
                </a:cubicBezTo>
                <a:close/>
                <a:moveTo>
                  <a:pt x="2297" y="828"/>
                </a:moveTo>
                <a:cubicBezTo>
                  <a:pt x="2290" y="828"/>
                  <a:pt x="2284" y="834"/>
                  <a:pt x="2284" y="841"/>
                </a:cubicBezTo>
                <a:cubicBezTo>
                  <a:pt x="2284" y="848"/>
                  <a:pt x="2290" y="853"/>
                  <a:pt x="2297" y="853"/>
                </a:cubicBezTo>
                <a:cubicBezTo>
                  <a:pt x="2304" y="853"/>
                  <a:pt x="2310" y="848"/>
                  <a:pt x="2310" y="841"/>
                </a:cubicBezTo>
                <a:cubicBezTo>
                  <a:pt x="2310" y="834"/>
                  <a:pt x="2304" y="828"/>
                  <a:pt x="2297" y="828"/>
                </a:cubicBezTo>
                <a:close/>
                <a:moveTo>
                  <a:pt x="2336" y="828"/>
                </a:moveTo>
                <a:cubicBezTo>
                  <a:pt x="2329" y="828"/>
                  <a:pt x="2323" y="834"/>
                  <a:pt x="2323" y="841"/>
                </a:cubicBezTo>
                <a:cubicBezTo>
                  <a:pt x="2323" y="848"/>
                  <a:pt x="2329" y="853"/>
                  <a:pt x="2336" y="853"/>
                </a:cubicBezTo>
                <a:cubicBezTo>
                  <a:pt x="2343" y="853"/>
                  <a:pt x="2349" y="848"/>
                  <a:pt x="2349" y="841"/>
                </a:cubicBezTo>
                <a:cubicBezTo>
                  <a:pt x="2349" y="834"/>
                  <a:pt x="2343" y="828"/>
                  <a:pt x="2336" y="828"/>
                </a:cubicBezTo>
                <a:close/>
                <a:moveTo>
                  <a:pt x="2376" y="828"/>
                </a:moveTo>
                <a:cubicBezTo>
                  <a:pt x="2369" y="828"/>
                  <a:pt x="2363" y="834"/>
                  <a:pt x="2363" y="841"/>
                </a:cubicBezTo>
                <a:cubicBezTo>
                  <a:pt x="2363" y="848"/>
                  <a:pt x="2369" y="853"/>
                  <a:pt x="2376" y="853"/>
                </a:cubicBezTo>
                <a:cubicBezTo>
                  <a:pt x="2383" y="853"/>
                  <a:pt x="2388" y="848"/>
                  <a:pt x="2388" y="841"/>
                </a:cubicBezTo>
                <a:cubicBezTo>
                  <a:pt x="2388" y="834"/>
                  <a:pt x="2383" y="828"/>
                  <a:pt x="2376" y="828"/>
                </a:cubicBezTo>
                <a:close/>
                <a:moveTo>
                  <a:pt x="2415" y="853"/>
                </a:moveTo>
                <a:cubicBezTo>
                  <a:pt x="2422" y="853"/>
                  <a:pt x="2428" y="848"/>
                  <a:pt x="2428" y="841"/>
                </a:cubicBezTo>
                <a:cubicBezTo>
                  <a:pt x="2428" y="834"/>
                  <a:pt x="2422" y="828"/>
                  <a:pt x="2415" y="828"/>
                </a:cubicBezTo>
                <a:cubicBezTo>
                  <a:pt x="2408" y="828"/>
                  <a:pt x="2402" y="834"/>
                  <a:pt x="2402" y="841"/>
                </a:cubicBezTo>
                <a:cubicBezTo>
                  <a:pt x="2402" y="848"/>
                  <a:pt x="2408" y="853"/>
                  <a:pt x="2415" y="853"/>
                </a:cubicBezTo>
                <a:close/>
                <a:moveTo>
                  <a:pt x="2455" y="853"/>
                </a:moveTo>
                <a:cubicBezTo>
                  <a:pt x="2462" y="853"/>
                  <a:pt x="2467" y="848"/>
                  <a:pt x="2467" y="841"/>
                </a:cubicBezTo>
                <a:cubicBezTo>
                  <a:pt x="2467" y="834"/>
                  <a:pt x="2462" y="828"/>
                  <a:pt x="2455" y="828"/>
                </a:cubicBezTo>
                <a:cubicBezTo>
                  <a:pt x="2447" y="828"/>
                  <a:pt x="2442" y="834"/>
                  <a:pt x="2442" y="841"/>
                </a:cubicBezTo>
                <a:cubicBezTo>
                  <a:pt x="2442" y="848"/>
                  <a:pt x="2447" y="853"/>
                  <a:pt x="2455" y="853"/>
                </a:cubicBezTo>
                <a:close/>
                <a:moveTo>
                  <a:pt x="2494" y="853"/>
                </a:moveTo>
                <a:cubicBezTo>
                  <a:pt x="2501" y="853"/>
                  <a:pt x="2507" y="848"/>
                  <a:pt x="2507" y="841"/>
                </a:cubicBezTo>
                <a:cubicBezTo>
                  <a:pt x="2507" y="834"/>
                  <a:pt x="2501" y="828"/>
                  <a:pt x="2494" y="828"/>
                </a:cubicBezTo>
                <a:cubicBezTo>
                  <a:pt x="2487" y="828"/>
                  <a:pt x="2481" y="834"/>
                  <a:pt x="2481" y="841"/>
                </a:cubicBezTo>
                <a:cubicBezTo>
                  <a:pt x="2481" y="848"/>
                  <a:pt x="2487" y="853"/>
                  <a:pt x="2494" y="853"/>
                </a:cubicBezTo>
                <a:close/>
                <a:moveTo>
                  <a:pt x="2533" y="853"/>
                </a:moveTo>
                <a:cubicBezTo>
                  <a:pt x="2540" y="853"/>
                  <a:pt x="2546" y="848"/>
                  <a:pt x="2546" y="841"/>
                </a:cubicBezTo>
                <a:cubicBezTo>
                  <a:pt x="2546" y="834"/>
                  <a:pt x="2540" y="828"/>
                  <a:pt x="2533" y="828"/>
                </a:cubicBezTo>
                <a:cubicBezTo>
                  <a:pt x="2526" y="828"/>
                  <a:pt x="2521" y="834"/>
                  <a:pt x="2521" y="841"/>
                </a:cubicBezTo>
                <a:cubicBezTo>
                  <a:pt x="2521" y="848"/>
                  <a:pt x="2526" y="853"/>
                  <a:pt x="2533" y="853"/>
                </a:cubicBezTo>
                <a:close/>
                <a:moveTo>
                  <a:pt x="2573" y="853"/>
                </a:moveTo>
                <a:cubicBezTo>
                  <a:pt x="2580" y="853"/>
                  <a:pt x="2586" y="848"/>
                  <a:pt x="2586" y="841"/>
                </a:cubicBezTo>
                <a:cubicBezTo>
                  <a:pt x="2586" y="834"/>
                  <a:pt x="2580" y="828"/>
                  <a:pt x="2573" y="828"/>
                </a:cubicBezTo>
                <a:cubicBezTo>
                  <a:pt x="2566" y="828"/>
                  <a:pt x="2560" y="834"/>
                  <a:pt x="2560" y="841"/>
                </a:cubicBezTo>
                <a:cubicBezTo>
                  <a:pt x="2560" y="848"/>
                  <a:pt x="2566" y="853"/>
                  <a:pt x="2573" y="853"/>
                </a:cubicBezTo>
                <a:close/>
                <a:moveTo>
                  <a:pt x="2612" y="853"/>
                </a:moveTo>
                <a:cubicBezTo>
                  <a:pt x="2619" y="853"/>
                  <a:pt x="2625" y="848"/>
                  <a:pt x="2625" y="841"/>
                </a:cubicBezTo>
                <a:cubicBezTo>
                  <a:pt x="2625" y="834"/>
                  <a:pt x="2619" y="828"/>
                  <a:pt x="2612" y="828"/>
                </a:cubicBezTo>
                <a:cubicBezTo>
                  <a:pt x="2605" y="828"/>
                  <a:pt x="2599" y="834"/>
                  <a:pt x="2599" y="841"/>
                </a:cubicBezTo>
                <a:cubicBezTo>
                  <a:pt x="2599" y="848"/>
                  <a:pt x="2605" y="853"/>
                  <a:pt x="2612" y="853"/>
                </a:cubicBezTo>
                <a:close/>
                <a:moveTo>
                  <a:pt x="2652" y="853"/>
                </a:moveTo>
                <a:cubicBezTo>
                  <a:pt x="2659" y="853"/>
                  <a:pt x="2664" y="848"/>
                  <a:pt x="2664" y="841"/>
                </a:cubicBezTo>
                <a:cubicBezTo>
                  <a:pt x="2664" y="834"/>
                  <a:pt x="2659" y="828"/>
                  <a:pt x="2652" y="828"/>
                </a:cubicBezTo>
                <a:cubicBezTo>
                  <a:pt x="2645" y="828"/>
                  <a:pt x="2639" y="834"/>
                  <a:pt x="2639" y="841"/>
                </a:cubicBezTo>
                <a:cubicBezTo>
                  <a:pt x="2639" y="848"/>
                  <a:pt x="2645" y="853"/>
                  <a:pt x="2652" y="853"/>
                </a:cubicBezTo>
                <a:close/>
                <a:moveTo>
                  <a:pt x="2691" y="853"/>
                </a:moveTo>
                <a:cubicBezTo>
                  <a:pt x="2698" y="853"/>
                  <a:pt x="2704" y="848"/>
                  <a:pt x="2704" y="841"/>
                </a:cubicBezTo>
                <a:cubicBezTo>
                  <a:pt x="2704" y="834"/>
                  <a:pt x="2698" y="828"/>
                  <a:pt x="2691" y="828"/>
                </a:cubicBezTo>
                <a:cubicBezTo>
                  <a:pt x="2684" y="828"/>
                  <a:pt x="2678" y="834"/>
                  <a:pt x="2678" y="841"/>
                </a:cubicBezTo>
                <a:cubicBezTo>
                  <a:pt x="2678" y="848"/>
                  <a:pt x="2684" y="853"/>
                  <a:pt x="2691" y="853"/>
                </a:cubicBezTo>
                <a:close/>
                <a:moveTo>
                  <a:pt x="2730" y="853"/>
                </a:moveTo>
                <a:cubicBezTo>
                  <a:pt x="2738" y="853"/>
                  <a:pt x="2743" y="848"/>
                  <a:pt x="2743" y="841"/>
                </a:cubicBezTo>
                <a:cubicBezTo>
                  <a:pt x="2743" y="834"/>
                  <a:pt x="2738" y="828"/>
                  <a:pt x="2730" y="828"/>
                </a:cubicBezTo>
                <a:cubicBezTo>
                  <a:pt x="2723" y="828"/>
                  <a:pt x="2718" y="834"/>
                  <a:pt x="2718" y="841"/>
                </a:cubicBezTo>
                <a:cubicBezTo>
                  <a:pt x="2718" y="848"/>
                  <a:pt x="2723" y="853"/>
                  <a:pt x="2730" y="853"/>
                </a:cubicBezTo>
                <a:close/>
                <a:moveTo>
                  <a:pt x="2770" y="853"/>
                </a:moveTo>
                <a:cubicBezTo>
                  <a:pt x="2777" y="853"/>
                  <a:pt x="2783" y="848"/>
                  <a:pt x="2783" y="841"/>
                </a:cubicBezTo>
                <a:cubicBezTo>
                  <a:pt x="2783" y="834"/>
                  <a:pt x="2777" y="828"/>
                  <a:pt x="2770" y="828"/>
                </a:cubicBezTo>
                <a:cubicBezTo>
                  <a:pt x="2763" y="828"/>
                  <a:pt x="2757" y="834"/>
                  <a:pt x="2757" y="841"/>
                </a:cubicBezTo>
                <a:cubicBezTo>
                  <a:pt x="2757" y="848"/>
                  <a:pt x="2763" y="853"/>
                  <a:pt x="2770" y="853"/>
                </a:cubicBezTo>
                <a:close/>
                <a:moveTo>
                  <a:pt x="2809" y="853"/>
                </a:moveTo>
                <a:cubicBezTo>
                  <a:pt x="2816" y="853"/>
                  <a:pt x="2822" y="848"/>
                  <a:pt x="2822" y="841"/>
                </a:cubicBezTo>
                <a:cubicBezTo>
                  <a:pt x="2822" y="834"/>
                  <a:pt x="2816" y="828"/>
                  <a:pt x="2809" y="828"/>
                </a:cubicBezTo>
                <a:cubicBezTo>
                  <a:pt x="2802" y="828"/>
                  <a:pt x="2797" y="834"/>
                  <a:pt x="2797" y="841"/>
                </a:cubicBezTo>
                <a:cubicBezTo>
                  <a:pt x="2797" y="848"/>
                  <a:pt x="2802" y="853"/>
                  <a:pt x="2809" y="853"/>
                </a:cubicBezTo>
                <a:close/>
                <a:moveTo>
                  <a:pt x="2849" y="853"/>
                </a:moveTo>
                <a:cubicBezTo>
                  <a:pt x="2856" y="853"/>
                  <a:pt x="2862" y="848"/>
                  <a:pt x="2862" y="841"/>
                </a:cubicBezTo>
                <a:cubicBezTo>
                  <a:pt x="2862" y="834"/>
                  <a:pt x="2856" y="828"/>
                  <a:pt x="2849" y="828"/>
                </a:cubicBezTo>
                <a:cubicBezTo>
                  <a:pt x="2842" y="828"/>
                  <a:pt x="2836" y="834"/>
                  <a:pt x="2836" y="841"/>
                </a:cubicBezTo>
                <a:cubicBezTo>
                  <a:pt x="2836" y="848"/>
                  <a:pt x="2842" y="853"/>
                  <a:pt x="2849" y="853"/>
                </a:cubicBezTo>
                <a:close/>
                <a:moveTo>
                  <a:pt x="2888" y="853"/>
                </a:moveTo>
                <a:cubicBezTo>
                  <a:pt x="2895" y="853"/>
                  <a:pt x="2901" y="848"/>
                  <a:pt x="2901" y="841"/>
                </a:cubicBezTo>
                <a:cubicBezTo>
                  <a:pt x="2901" y="834"/>
                  <a:pt x="2895" y="828"/>
                  <a:pt x="2888" y="828"/>
                </a:cubicBezTo>
                <a:cubicBezTo>
                  <a:pt x="2881" y="828"/>
                  <a:pt x="2875" y="834"/>
                  <a:pt x="2875" y="841"/>
                </a:cubicBezTo>
                <a:cubicBezTo>
                  <a:pt x="2875" y="848"/>
                  <a:pt x="2881" y="853"/>
                  <a:pt x="2888" y="853"/>
                </a:cubicBezTo>
                <a:close/>
                <a:moveTo>
                  <a:pt x="641" y="893"/>
                </a:moveTo>
                <a:cubicBezTo>
                  <a:pt x="648" y="893"/>
                  <a:pt x="654" y="887"/>
                  <a:pt x="654" y="880"/>
                </a:cubicBezTo>
                <a:cubicBezTo>
                  <a:pt x="654" y="873"/>
                  <a:pt x="648" y="867"/>
                  <a:pt x="641" y="867"/>
                </a:cubicBezTo>
                <a:cubicBezTo>
                  <a:pt x="634" y="867"/>
                  <a:pt x="628" y="873"/>
                  <a:pt x="628" y="880"/>
                </a:cubicBezTo>
                <a:cubicBezTo>
                  <a:pt x="628" y="887"/>
                  <a:pt x="634" y="893"/>
                  <a:pt x="641" y="893"/>
                </a:cubicBezTo>
                <a:close/>
                <a:moveTo>
                  <a:pt x="680" y="893"/>
                </a:moveTo>
                <a:cubicBezTo>
                  <a:pt x="687" y="893"/>
                  <a:pt x="693" y="887"/>
                  <a:pt x="693" y="880"/>
                </a:cubicBezTo>
                <a:cubicBezTo>
                  <a:pt x="693" y="873"/>
                  <a:pt x="687" y="867"/>
                  <a:pt x="680" y="867"/>
                </a:cubicBezTo>
                <a:cubicBezTo>
                  <a:pt x="673" y="867"/>
                  <a:pt x="668" y="873"/>
                  <a:pt x="668" y="880"/>
                </a:cubicBezTo>
                <a:cubicBezTo>
                  <a:pt x="668" y="887"/>
                  <a:pt x="673" y="893"/>
                  <a:pt x="680" y="893"/>
                </a:cubicBezTo>
                <a:close/>
                <a:moveTo>
                  <a:pt x="1548" y="893"/>
                </a:moveTo>
                <a:cubicBezTo>
                  <a:pt x="1555" y="893"/>
                  <a:pt x="1561" y="887"/>
                  <a:pt x="1561" y="880"/>
                </a:cubicBezTo>
                <a:cubicBezTo>
                  <a:pt x="1561" y="873"/>
                  <a:pt x="1555" y="867"/>
                  <a:pt x="1548" y="867"/>
                </a:cubicBezTo>
                <a:cubicBezTo>
                  <a:pt x="1541" y="867"/>
                  <a:pt x="1535" y="873"/>
                  <a:pt x="1535" y="880"/>
                </a:cubicBezTo>
                <a:cubicBezTo>
                  <a:pt x="1535" y="887"/>
                  <a:pt x="1541" y="893"/>
                  <a:pt x="1548" y="893"/>
                </a:cubicBezTo>
                <a:close/>
                <a:moveTo>
                  <a:pt x="1587" y="893"/>
                </a:moveTo>
                <a:cubicBezTo>
                  <a:pt x="1594" y="893"/>
                  <a:pt x="1600" y="887"/>
                  <a:pt x="1600" y="880"/>
                </a:cubicBezTo>
                <a:cubicBezTo>
                  <a:pt x="1600" y="873"/>
                  <a:pt x="1594" y="867"/>
                  <a:pt x="1587" y="867"/>
                </a:cubicBezTo>
                <a:cubicBezTo>
                  <a:pt x="1580" y="867"/>
                  <a:pt x="1574" y="873"/>
                  <a:pt x="1574" y="880"/>
                </a:cubicBezTo>
                <a:cubicBezTo>
                  <a:pt x="1574" y="887"/>
                  <a:pt x="1580" y="893"/>
                  <a:pt x="1587" y="893"/>
                </a:cubicBezTo>
                <a:close/>
                <a:moveTo>
                  <a:pt x="1627" y="893"/>
                </a:moveTo>
                <a:cubicBezTo>
                  <a:pt x="1634" y="893"/>
                  <a:pt x="1639" y="887"/>
                  <a:pt x="1639" y="880"/>
                </a:cubicBezTo>
                <a:cubicBezTo>
                  <a:pt x="1639" y="873"/>
                  <a:pt x="1634" y="867"/>
                  <a:pt x="1627" y="867"/>
                </a:cubicBezTo>
                <a:cubicBezTo>
                  <a:pt x="1620" y="867"/>
                  <a:pt x="1614" y="873"/>
                  <a:pt x="1614" y="880"/>
                </a:cubicBezTo>
                <a:cubicBezTo>
                  <a:pt x="1614" y="887"/>
                  <a:pt x="1620" y="893"/>
                  <a:pt x="1627" y="893"/>
                </a:cubicBezTo>
                <a:close/>
                <a:moveTo>
                  <a:pt x="1666" y="893"/>
                </a:moveTo>
                <a:cubicBezTo>
                  <a:pt x="1673" y="893"/>
                  <a:pt x="1679" y="887"/>
                  <a:pt x="1679" y="880"/>
                </a:cubicBezTo>
                <a:cubicBezTo>
                  <a:pt x="1679" y="873"/>
                  <a:pt x="1673" y="867"/>
                  <a:pt x="1666" y="867"/>
                </a:cubicBezTo>
                <a:cubicBezTo>
                  <a:pt x="1659" y="867"/>
                  <a:pt x="1653" y="873"/>
                  <a:pt x="1653" y="880"/>
                </a:cubicBezTo>
                <a:cubicBezTo>
                  <a:pt x="1653" y="887"/>
                  <a:pt x="1659" y="893"/>
                  <a:pt x="1666" y="893"/>
                </a:cubicBezTo>
                <a:close/>
                <a:moveTo>
                  <a:pt x="1705" y="893"/>
                </a:moveTo>
                <a:cubicBezTo>
                  <a:pt x="1713" y="893"/>
                  <a:pt x="1718" y="887"/>
                  <a:pt x="1718" y="880"/>
                </a:cubicBezTo>
                <a:cubicBezTo>
                  <a:pt x="1718" y="873"/>
                  <a:pt x="1713" y="867"/>
                  <a:pt x="1705" y="867"/>
                </a:cubicBezTo>
                <a:cubicBezTo>
                  <a:pt x="1698" y="867"/>
                  <a:pt x="1693" y="873"/>
                  <a:pt x="1693" y="880"/>
                </a:cubicBezTo>
                <a:cubicBezTo>
                  <a:pt x="1693" y="887"/>
                  <a:pt x="1698" y="893"/>
                  <a:pt x="1705" y="893"/>
                </a:cubicBezTo>
                <a:close/>
                <a:moveTo>
                  <a:pt x="1745" y="893"/>
                </a:moveTo>
                <a:cubicBezTo>
                  <a:pt x="1752" y="893"/>
                  <a:pt x="1758" y="887"/>
                  <a:pt x="1758" y="880"/>
                </a:cubicBezTo>
                <a:cubicBezTo>
                  <a:pt x="1758" y="873"/>
                  <a:pt x="1752" y="867"/>
                  <a:pt x="1745" y="867"/>
                </a:cubicBezTo>
                <a:cubicBezTo>
                  <a:pt x="1738" y="867"/>
                  <a:pt x="1732" y="873"/>
                  <a:pt x="1732" y="880"/>
                </a:cubicBezTo>
                <a:cubicBezTo>
                  <a:pt x="1732" y="887"/>
                  <a:pt x="1738" y="893"/>
                  <a:pt x="1745" y="893"/>
                </a:cubicBezTo>
                <a:close/>
                <a:moveTo>
                  <a:pt x="1784" y="893"/>
                </a:moveTo>
                <a:cubicBezTo>
                  <a:pt x="1791" y="893"/>
                  <a:pt x="1797" y="887"/>
                  <a:pt x="1797" y="880"/>
                </a:cubicBezTo>
                <a:cubicBezTo>
                  <a:pt x="1797" y="873"/>
                  <a:pt x="1791" y="867"/>
                  <a:pt x="1784" y="867"/>
                </a:cubicBezTo>
                <a:cubicBezTo>
                  <a:pt x="1777" y="867"/>
                  <a:pt x="1772" y="873"/>
                  <a:pt x="1772" y="880"/>
                </a:cubicBezTo>
                <a:cubicBezTo>
                  <a:pt x="1772" y="887"/>
                  <a:pt x="1777" y="893"/>
                  <a:pt x="1784" y="893"/>
                </a:cubicBezTo>
                <a:close/>
                <a:moveTo>
                  <a:pt x="1824" y="893"/>
                </a:moveTo>
                <a:cubicBezTo>
                  <a:pt x="1831" y="893"/>
                  <a:pt x="1836" y="887"/>
                  <a:pt x="1836" y="880"/>
                </a:cubicBezTo>
                <a:cubicBezTo>
                  <a:pt x="1836" y="873"/>
                  <a:pt x="1831" y="867"/>
                  <a:pt x="1824" y="867"/>
                </a:cubicBezTo>
                <a:cubicBezTo>
                  <a:pt x="1817" y="867"/>
                  <a:pt x="1811" y="873"/>
                  <a:pt x="1811" y="880"/>
                </a:cubicBezTo>
                <a:cubicBezTo>
                  <a:pt x="1811" y="887"/>
                  <a:pt x="1817" y="893"/>
                  <a:pt x="1824" y="893"/>
                </a:cubicBezTo>
                <a:close/>
                <a:moveTo>
                  <a:pt x="1863" y="893"/>
                </a:moveTo>
                <a:cubicBezTo>
                  <a:pt x="1870" y="893"/>
                  <a:pt x="1876" y="887"/>
                  <a:pt x="1876" y="880"/>
                </a:cubicBezTo>
                <a:cubicBezTo>
                  <a:pt x="1876" y="873"/>
                  <a:pt x="1870" y="867"/>
                  <a:pt x="1863" y="867"/>
                </a:cubicBezTo>
                <a:cubicBezTo>
                  <a:pt x="1856" y="867"/>
                  <a:pt x="1850" y="873"/>
                  <a:pt x="1850" y="880"/>
                </a:cubicBezTo>
                <a:cubicBezTo>
                  <a:pt x="1850" y="887"/>
                  <a:pt x="1856" y="893"/>
                  <a:pt x="1863" y="893"/>
                </a:cubicBezTo>
                <a:close/>
                <a:moveTo>
                  <a:pt x="1903" y="893"/>
                </a:moveTo>
                <a:cubicBezTo>
                  <a:pt x="1910" y="893"/>
                  <a:pt x="1915" y="887"/>
                  <a:pt x="1915" y="880"/>
                </a:cubicBezTo>
                <a:cubicBezTo>
                  <a:pt x="1915" y="873"/>
                  <a:pt x="1910" y="867"/>
                  <a:pt x="1903" y="867"/>
                </a:cubicBezTo>
                <a:cubicBezTo>
                  <a:pt x="1896" y="867"/>
                  <a:pt x="1890" y="873"/>
                  <a:pt x="1890" y="880"/>
                </a:cubicBezTo>
                <a:cubicBezTo>
                  <a:pt x="1890" y="887"/>
                  <a:pt x="1896" y="893"/>
                  <a:pt x="1903" y="893"/>
                </a:cubicBezTo>
                <a:close/>
                <a:moveTo>
                  <a:pt x="1942" y="893"/>
                </a:moveTo>
                <a:cubicBezTo>
                  <a:pt x="1949" y="893"/>
                  <a:pt x="1955" y="887"/>
                  <a:pt x="1955" y="880"/>
                </a:cubicBezTo>
                <a:cubicBezTo>
                  <a:pt x="1955" y="873"/>
                  <a:pt x="1949" y="867"/>
                  <a:pt x="1942" y="867"/>
                </a:cubicBezTo>
                <a:cubicBezTo>
                  <a:pt x="1935" y="867"/>
                  <a:pt x="1929" y="873"/>
                  <a:pt x="1929" y="880"/>
                </a:cubicBezTo>
                <a:cubicBezTo>
                  <a:pt x="1929" y="887"/>
                  <a:pt x="1935" y="893"/>
                  <a:pt x="1942" y="893"/>
                </a:cubicBezTo>
                <a:close/>
                <a:moveTo>
                  <a:pt x="1981" y="893"/>
                </a:moveTo>
                <a:cubicBezTo>
                  <a:pt x="1988" y="893"/>
                  <a:pt x="1994" y="887"/>
                  <a:pt x="1994" y="880"/>
                </a:cubicBezTo>
                <a:cubicBezTo>
                  <a:pt x="1994" y="873"/>
                  <a:pt x="1988" y="867"/>
                  <a:pt x="1981" y="867"/>
                </a:cubicBezTo>
                <a:cubicBezTo>
                  <a:pt x="1974" y="867"/>
                  <a:pt x="1969" y="873"/>
                  <a:pt x="1969" y="880"/>
                </a:cubicBezTo>
                <a:cubicBezTo>
                  <a:pt x="1969" y="887"/>
                  <a:pt x="1974" y="893"/>
                  <a:pt x="1981" y="893"/>
                </a:cubicBezTo>
                <a:close/>
                <a:moveTo>
                  <a:pt x="2021" y="893"/>
                </a:moveTo>
                <a:cubicBezTo>
                  <a:pt x="2028" y="893"/>
                  <a:pt x="2034" y="887"/>
                  <a:pt x="2034" y="880"/>
                </a:cubicBezTo>
                <a:cubicBezTo>
                  <a:pt x="2034" y="873"/>
                  <a:pt x="2028" y="867"/>
                  <a:pt x="2021" y="867"/>
                </a:cubicBezTo>
                <a:cubicBezTo>
                  <a:pt x="2014" y="867"/>
                  <a:pt x="2008" y="873"/>
                  <a:pt x="2008" y="880"/>
                </a:cubicBezTo>
                <a:cubicBezTo>
                  <a:pt x="2008" y="887"/>
                  <a:pt x="2014" y="893"/>
                  <a:pt x="2021" y="893"/>
                </a:cubicBezTo>
                <a:close/>
                <a:moveTo>
                  <a:pt x="2100" y="893"/>
                </a:moveTo>
                <a:cubicBezTo>
                  <a:pt x="2107" y="893"/>
                  <a:pt x="2112" y="887"/>
                  <a:pt x="2112" y="880"/>
                </a:cubicBezTo>
                <a:cubicBezTo>
                  <a:pt x="2112" y="873"/>
                  <a:pt x="2107" y="867"/>
                  <a:pt x="2100" y="867"/>
                </a:cubicBezTo>
                <a:cubicBezTo>
                  <a:pt x="2093" y="867"/>
                  <a:pt x="2087" y="873"/>
                  <a:pt x="2087" y="880"/>
                </a:cubicBezTo>
                <a:cubicBezTo>
                  <a:pt x="2087" y="887"/>
                  <a:pt x="2093" y="893"/>
                  <a:pt x="2100" y="893"/>
                </a:cubicBezTo>
                <a:close/>
                <a:moveTo>
                  <a:pt x="2139" y="893"/>
                </a:moveTo>
                <a:cubicBezTo>
                  <a:pt x="2146" y="893"/>
                  <a:pt x="2152" y="887"/>
                  <a:pt x="2152" y="880"/>
                </a:cubicBezTo>
                <a:cubicBezTo>
                  <a:pt x="2152" y="873"/>
                  <a:pt x="2146" y="867"/>
                  <a:pt x="2139" y="867"/>
                </a:cubicBezTo>
                <a:cubicBezTo>
                  <a:pt x="2132" y="867"/>
                  <a:pt x="2126" y="873"/>
                  <a:pt x="2126" y="880"/>
                </a:cubicBezTo>
                <a:cubicBezTo>
                  <a:pt x="2126" y="887"/>
                  <a:pt x="2132" y="893"/>
                  <a:pt x="2139" y="893"/>
                </a:cubicBezTo>
                <a:close/>
                <a:moveTo>
                  <a:pt x="2179" y="893"/>
                </a:moveTo>
                <a:cubicBezTo>
                  <a:pt x="2186" y="893"/>
                  <a:pt x="2191" y="887"/>
                  <a:pt x="2191" y="880"/>
                </a:cubicBezTo>
                <a:cubicBezTo>
                  <a:pt x="2191" y="873"/>
                  <a:pt x="2186" y="867"/>
                  <a:pt x="2179" y="867"/>
                </a:cubicBezTo>
                <a:cubicBezTo>
                  <a:pt x="2172" y="867"/>
                  <a:pt x="2166" y="873"/>
                  <a:pt x="2166" y="880"/>
                </a:cubicBezTo>
                <a:cubicBezTo>
                  <a:pt x="2166" y="887"/>
                  <a:pt x="2172" y="893"/>
                  <a:pt x="2179" y="893"/>
                </a:cubicBezTo>
                <a:close/>
                <a:moveTo>
                  <a:pt x="2218" y="893"/>
                </a:moveTo>
                <a:cubicBezTo>
                  <a:pt x="2225" y="893"/>
                  <a:pt x="2231" y="887"/>
                  <a:pt x="2231" y="880"/>
                </a:cubicBezTo>
                <a:cubicBezTo>
                  <a:pt x="2231" y="873"/>
                  <a:pt x="2225" y="867"/>
                  <a:pt x="2218" y="867"/>
                </a:cubicBezTo>
                <a:cubicBezTo>
                  <a:pt x="2211" y="867"/>
                  <a:pt x="2205" y="873"/>
                  <a:pt x="2205" y="880"/>
                </a:cubicBezTo>
                <a:cubicBezTo>
                  <a:pt x="2205" y="887"/>
                  <a:pt x="2211" y="893"/>
                  <a:pt x="2218" y="893"/>
                </a:cubicBezTo>
                <a:close/>
                <a:moveTo>
                  <a:pt x="2257" y="867"/>
                </a:moveTo>
                <a:cubicBezTo>
                  <a:pt x="2250" y="867"/>
                  <a:pt x="2245" y="873"/>
                  <a:pt x="2245" y="880"/>
                </a:cubicBezTo>
                <a:cubicBezTo>
                  <a:pt x="2245" y="887"/>
                  <a:pt x="2250" y="893"/>
                  <a:pt x="2257" y="893"/>
                </a:cubicBezTo>
                <a:cubicBezTo>
                  <a:pt x="2264" y="893"/>
                  <a:pt x="2270" y="887"/>
                  <a:pt x="2270" y="880"/>
                </a:cubicBezTo>
                <a:cubicBezTo>
                  <a:pt x="2270" y="873"/>
                  <a:pt x="2264" y="867"/>
                  <a:pt x="2257" y="867"/>
                </a:cubicBezTo>
                <a:close/>
                <a:moveTo>
                  <a:pt x="2415" y="867"/>
                </a:moveTo>
                <a:cubicBezTo>
                  <a:pt x="2408" y="867"/>
                  <a:pt x="2402" y="873"/>
                  <a:pt x="2402" y="880"/>
                </a:cubicBezTo>
                <a:cubicBezTo>
                  <a:pt x="2402" y="887"/>
                  <a:pt x="2408" y="893"/>
                  <a:pt x="2415" y="893"/>
                </a:cubicBezTo>
                <a:cubicBezTo>
                  <a:pt x="2422" y="893"/>
                  <a:pt x="2428" y="887"/>
                  <a:pt x="2428" y="880"/>
                </a:cubicBezTo>
                <a:cubicBezTo>
                  <a:pt x="2428" y="873"/>
                  <a:pt x="2422" y="867"/>
                  <a:pt x="2415" y="867"/>
                </a:cubicBezTo>
                <a:close/>
                <a:moveTo>
                  <a:pt x="2455" y="893"/>
                </a:moveTo>
                <a:cubicBezTo>
                  <a:pt x="2462" y="893"/>
                  <a:pt x="2467" y="887"/>
                  <a:pt x="2467" y="880"/>
                </a:cubicBezTo>
                <a:cubicBezTo>
                  <a:pt x="2467" y="873"/>
                  <a:pt x="2462" y="867"/>
                  <a:pt x="2455" y="867"/>
                </a:cubicBezTo>
                <a:cubicBezTo>
                  <a:pt x="2447" y="867"/>
                  <a:pt x="2442" y="873"/>
                  <a:pt x="2442" y="880"/>
                </a:cubicBezTo>
                <a:cubicBezTo>
                  <a:pt x="2442" y="887"/>
                  <a:pt x="2447" y="893"/>
                  <a:pt x="2455" y="893"/>
                </a:cubicBezTo>
                <a:close/>
                <a:moveTo>
                  <a:pt x="2494" y="893"/>
                </a:moveTo>
                <a:cubicBezTo>
                  <a:pt x="2501" y="893"/>
                  <a:pt x="2507" y="887"/>
                  <a:pt x="2507" y="880"/>
                </a:cubicBezTo>
                <a:cubicBezTo>
                  <a:pt x="2507" y="873"/>
                  <a:pt x="2501" y="867"/>
                  <a:pt x="2494" y="867"/>
                </a:cubicBezTo>
                <a:cubicBezTo>
                  <a:pt x="2487" y="867"/>
                  <a:pt x="2481" y="873"/>
                  <a:pt x="2481" y="880"/>
                </a:cubicBezTo>
                <a:cubicBezTo>
                  <a:pt x="2481" y="887"/>
                  <a:pt x="2487" y="893"/>
                  <a:pt x="2494" y="893"/>
                </a:cubicBezTo>
                <a:close/>
                <a:moveTo>
                  <a:pt x="2533" y="893"/>
                </a:moveTo>
                <a:cubicBezTo>
                  <a:pt x="2540" y="893"/>
                  <a:pt x="2546" y="887"/>
                  <a:pt x="2546" y="880"/>
                </a:cubicBezTo>
                <a:cubicBezTo>
                  <a:pt x="2546" y="873"/>
                  <a:pt x="2540" y="867"/>
                  <a:pt x="2533" y="867"/>
                </a:cubicBezTo>
                <a:cubicBezTo>
                  <a:pt x="2526" y="867"/>
                  <a:pt x="2521" y="873"/>
                  <a:pt x="2521" y="880"/>
                </a:cubicBezTo>
                <a:cubicBezTo>
                  <a:pt x="2521" y="887"/>
                  <a:pt x="2526" y="893"/>
                  <a:pt x="2533" y="893"/>
                </a:cubicBezTo>
                <a:close/>
                <a:moveTo>
                  <a:pt x="2573" y="893"/>
                </a:moveTo>
                <a:cubicBezTo>
                  <a:pt x="2580" y="893"/>
                  <a:pt x="2586" y="887"/>
                  <a:pt x="2586" y="880"/>
                </a:cubicBezTo>
                <a:cubicBezTo>
                  <a:pt x="2586" y="873"/>
                  <a:pt x="2580" y="867"/>
                  <a:pt x="2573" y="867"/>
                </a:cubicBezTo>
                <a:cubicBezTo>
                  <a:pt x="2566" y="867"/>
                  <a:pt x="2560" y="873"/>
                  <a:pt x="2560" y="880"/>
                </a:cubicBezTo>
                <a:cubicBezTo>
                  <a:pt x="2560" y="887"/>
                  <a:pt x="2566" y="893"/>
                  <a:pt x="2573" y="893"/>
                </a:cubicBezTo>
                <a:close/>
                <a:moveTo>
                  <a:pt x="2612" y="867"/>
                </a:moveTo>
                <a:cubicBezTo>
                  <a:pt x="2605" y="867"/>
                  <a:pt x="2599" y="873"/>
                  <a:pt x="2599" y="880"/>
                </a:cubicBezTo>
                <a:cubicBezTo>
                  <a:pt x="2599" y="887"/>
                  <a:pt x="2605" y="893"/>
                  <a:pt x="2612" y="893"/>
                </a:cubicBezTo>
                <a:cubicBezTo>
                  <a:pt x="2619" y="893"/>
                  <a:pt x="2625" y="887"/>
                  <a:pt x="2625" y="880"/>
                </a:cubicBezTo>
                <a:cubicBezTo>
                  <a:pt x="2625" y="873"/>
                  <a:pt x="2619" y="867"/>
                  <a:pt x="2612" y="867"/>
                </a:cubicBezTo>
                <a:close/>
                <a:moveTo>
                  <a:pt x="2652" y="893"/>
                </a:moveTo>
                <a:cubicBezTo>
                  <a:pt x="2659" y="893"/>
                  <a:pt x="2664" y="887"/>
                  <a:pt x="2664" y="880"/>
                </a:cubicBezTo>
                <a:cubicBezTo>
                  <a:pt x="2664" y="873"/>
                  <a:pt x="2659" y="867"/>
                  <a:pt x="2652" y="867"/>
                </a:cubicBezTo>
                <a:cubicBezTo>
                  <a:pt x="2645" y="867"/>
                  <a:pt x="2639" y="873"/>
                  <a:pt x="2639" y="880"/>
                </a:cubicBezTo>
                <a:cubicBezTo>
                  <a:pt x="2639" y="887"/>
                  <a:pt x="2645" y="893"/>
                  <a:pt x="2652" y="893"/>
                </a:cubicBezTo>
                <a:close/>
                <a:moveTo>
                  <a:pt x="2691" y="893"/>
                </a:moveTo>
                <a:cubicBezTo>
                  <a:pt x="2698" y="893"/>
                  <a:pt x="2704" y="887"/>
                  <a:pt x="2704" y="880"/>
                </a:cubicBezTo>
                <a:cubicBezTo>
                  <a:pt x="2704" y="873"/>
                  <a:pt x="2698" y="867"/>
                  <a:pt x="2691" y="867"/>
                </a:cubicBezTo>
                <a:cubicBezTo>
                  <a:pt x="2684" y="867"/>
                  <a:pt x="2678" y="873"/>
                  <a:pt x="2678" y="880"/>
                </a:cubicBezTo>
                <a:cubicBezTo>
                  <a:pt x="2678" y="887"/>
                  <a:pt x="2684" y="893"/>
                  <a:pt x="2691" y="893"/>
                </a:cubicBezTo>
                <a:close/>
                <a:moveTo>
                  <a:pt x="2730" y="893"/>
                </a:moveTo>
                <a:cubicBezTo>
                  <a:pt x="2738" y="893"/>
                  <a:pt x="2743" y="887"/>
                  <a:pt x="2743" y="880"/>
                </a:cubicBezTo>
                <a:cubicBezTo>
                  <a:pt x="2743" y="873"/>
                  <a:pt x="2738" y="867"/>
                  <a:pt x="2730" y="867"/>
                </a:cubicBezTo>
                <a:cubicBezTo>
                  <a:pt x="2723" y="867"/>
                  <a:pt x="2718" y="873"/>
                  <a:pt x="2718" y="880"/>
                </a:cubicBezTo>
                <a:cubicBezTo>
                  <a:pt x="2718" y="887"/>
                  <a:pt x="2723" y="893"/>
                  <a:pt x="2730" y="893"/>
                </a:cubicBezTo>
                <a:close/>
                <a:moveTo>
                  <a:pt x="2770" y="893"/>
                </a:moveTo>
                <a:cubicBezTo>
                  <a:pt x="2777" y="893"/>
                  <a:pt x="2783" y="887"/>
                  <a:pt x="2783" y="880"/>
                </a:cubicBezTo>
                <a:cubicBezTo>
                  <a:pt x="2783" y="873"/>
                  <a:pt x="2777" y="867"/>
                  <a:pt x="2770" y="867"/>
                </a:cubicBezTo>
                <a:cubicBezTo>
                  <a:pt x="2763" y="867"/>
                  <a:pt x="2757" y="873"/>
                  <a:pt x="2757" y="880"/>
                </a:cubicBezTo>
                <a:cubicBezTo>
                  <a:pt x="2757" y="887"/>
                  <a:pt x="2763" y="893"/>
                  <a:pt x="2770" y="893"/>
                </a:cubicBezTo>
                <a:close/>
                <a:moveTo>
                  <a:pt x="2809" y="893"/>
                </a:moveTo>
                <a:cubicBezTo>
                  <a:pt x="2816" y="893"/>
                  <a:pt x="2822" y="887"/>
                  <a:pt x="2822" y="880"/>
                </a:cubicBezTo>
                <a:cubicBezTo>
                  <a:pt x="2822" y="873"/>
                  <a:pt x="2816" y="867"/>
                  <a:pt x="2809" y="867"/>
                </a:cubicBezTo>
                <a:cubicBezTo>
                  <a:pt x="2802" y="867"/>
                  <a:pt x="2797" y="873"/>
                  <a:pt x="2797" y="880"/>
                </a:cubicBezTo>
                <a:cubicBezTo>
                  <a:pt x="2797" y="887"/>
                  <a:pt x="2802" y="893"/>
                  <a:pt x="2809" y="893"/>
                </a:cubicBezTo>
                <a:close/>
                <a:moveTo>
                  <a:pt x="2849" y="893"/>
                </a:moveTo>
                <a:cubicBezTo>
                  <a:pt x="2856" y="893"/>
                  <a:pt x="2862" y="887"/>
                  <a:pt x="2862" y="880"/>
                </a:cubicBezTo>
                <a:cubicBezTo>
                  <a:pt x="2862" y="873"/>
                  <a:pt x="2856" y="867"/>
                  <a:pt x="2849" y="867"/>
                </a:cubicBezTo>
                <a:cubicBezTo>
                  <a:pt x="2842" y="867"/>
                  <a:pt x="2836" y="873"/>
                  <a:pt x="2836" y="880"/>
                </a:cubicBezTo>
                <a:cubicBezTo>
                  <a:pt x="2836" y="887"/>
                  <a:pt x="2842" y="893"/>
                  <a:pt x="2849" y="893"/>
                </a:cubicBezTo>
                <a:close/>
                <a:moveTo>
                  <a:pt x="2888" y="893"/>
                </a:moveTo>
                <a:cubicBezTo>
                  <a:pt x="2895" y="893"/>
                  <a:pt x="2901" y="887"/>
                  <a:pt x="2901" y="880"/>
                </a:cubicBezTo>
                <a:cubicBezTo>
                  <a:pt x="2901" y="873"/>
                  <a:pt x="2895" y="867"/>
                  <a:pt x="2888" y="867"/>
                </a:cubicBezTo>
                <a:cubicBezTo>
                  <a:pt x="2881" y="867"/>
                  <a:pt x="2875" y="873"/>
                  <a:pt x="2875" y="880"/>
                </a:cubicBezTo>
                <a:cubicBezTo>
                  <a:pt x="2875" y="887"/>
                  <a:pt x="2881" y="893"/>
                  <a:pt x="2888" y="893"/>
                </a:cubicBezTo>
                <a:close/>
                <a:moveTo>
                  <a:pt x="2928" y="893"/>
                </a:moveTo>
                <a:cubicBezTo>
                  <a:pt x="2935" y="893"/>
                  <a:pt x="2940" y="887"/>
                  <a:pt x="2940" y="880"/>
                </a:cubicBezTo>
                <a:cubicBezTo>
                  <a:pt x="2940" y="873"/>
                  <a:pt x="2935" y="867"/>
                  <a:pt x="2928" y="867"/>
                </a:cubicBezTo>
                <a:cubicBezTo>
                  <a:pt x="2921" y="867"/>
                  <a:pt x="2915" y="873"/>
                  <a:pt x="2915" y="880"/>
                </a:cubicBezTo>
                <a:cubicBezTo>
                  <a:pt x="2915" y="887"/>
                  <a:pt x="2921" y="893"/>
                  <a:pt x="2928" y="893"/>
                </a:cubicBezTo>
                <a:close/>
                <a:moveTo>
                  <a:pt x="641" y="907"/>
                </a:moveTo>
                <a:cubicBezTo>
                  <a:pt x="634" y="907"/>
                  <a:pt x="628" y="912"/>
                  <a:pt x="628" y="919"/>
                </a:cubicBezTo>
                <a:cubicBezTo>
                  <a:pt x="628" y="926"/>
                  <a:pt x="634" y="932"/>
                  <a:pt x="641" y="932"/>
                </a:cubicBezTo>
                <a:cubicBezTo>
                  <a:pt x="648" y="932"/>
                  <a:pt x="654" y="926"/>
                  <a:pt x="654" y="919"/>
                </a:cubicBezTo>
                <a:cubicBezTo>
                  <a:pt x="654" y="912"/>
                  <a:pt x="648" y="907"/>
                  <a:pt x="641" y="907"/>
                </a:cubicBezTo>
                <a:close/>
                <a:moveTo>
                  <a:pt x="680" y="907"/>
                </a:moveTo>
                <a:cubicBezTo>
                  <a:pt x="673" y="907"/>
                  <a:pt x="668" y="912"/>
                  <a:pt x="668" y="919"/>
                </a:cubicBezTo>
                <a:cubicBezTo>
                  <a:pt x="668" y="926"/>
                  <a:pt x="673" y="932"/>
                  <a:pt x="680" y="932"/>
                </a:cubicBezTo>
                <a:cubicBezTo>
                  <a:pt x="687" y="932"/>
                  <a:pt x="693" y="926"/>
                  <a:pt x="693" y="919"/>
                </a:cubicBezTo>
                <a:cubicBezTo>
                  <a:pt x="693" y="912"/>
                  <a:pt x="687" y="907"/>
                  <a:pt x="680" y="907"/>
                </a:cubicBezTo>
                <a:close/>
                <a:moveTo>
                  <a:pt x="799" y="907"/>
                </a:moveTo>
                <a:cubicBezTo>
                  <a:pt x="792" y="907"/>
                  <a:pt x="786" y="912"/>
                  <a:pt x="786" y="919"/>
                </a:cubicBezTo>
                <a:cubicBezTo>
                  <a:pt x="786" y="926"/>
                  <a:pt x="792" y="932"/>
                  <a:pt x="799" y="932"/>
                </a:cubicBezTo>
                <a:cubicBezTo>
                  <a:pt x="806" y="932"/>
                  <a:pt x="811" y="926"/>
                  <a:pt x="811" y="919"/>
                </a:cubicBezTo>
                <a:cubicBezTo>
                  <a:pt x="811" y="912"/>
                  <a:pt x="806" y="907"/>
                  <a:pt x="799" y="907"/>
                </a:cubicBezTo>
                <a:close/>
                <a:moveTo>
                  <a:pt x="930" y="919"/>
                </a:moveTo>
                <a:cubicBezTo>
                  <a:pt x="930" y="912"/>
                  <a:pt x="924" y="907"/>
                  <a:pt x="917" y="907"/>
                </a:cubicBezTo>
                <a:cubicBezTo>
                  <a:pt x="910" y="907"/>
                  <a:pt x="904" y="912"/>
                  <a:pt x="904" y="919"/>
                </a:cubicBezTo>
                <a:cubicBezTo>
                  <a:pt x="904" y="926"/>
                  <a:pt x="910" y="932"/>
                  <a:pt x="917" y="932"/>
                </a:cubicBezTo>
                <a:cubicBezTo>
                  <a:pt x="924" y="932"/>
                  <a:pt x="930" y="926"/>
                  <a:pt x="930" y="919"/>
                </a:cubicBezTo>
                <a:close/>
                <a:moveTo>
                  <a:pt x="1548" y="932"/>
                </a:moveTo>
                <a:cubicBezTo>
                  <a:pt x="1555" y="932"/>
                  <a:pt x="1561" y="926"/>
                  <a:pt x="1561" y="919"/>
                </a:cubicBezTo>
                <a:cubicBezTo>
                  <a:pt x="1561" y="912"/>
                  <a:pt x="1555" y="907"/>
                  <a:pt x="1548" y="907"/>
                </a:cubicBezTo>
                <a:cubicBezTo>
                  <a:pt x="1541" y="907"/>
                  <a:pt x="1535" y="912"/>
                  <a:pt x="1535" y="919"/>
                </a:cubicBezTo>
                <a:cubicBezTo>
                  <a:pt x="1535" y="926"/>
                  <a:pt x="1541" y="932"/>
                  <a:pt x="1548" y="932"/>
                </a:cubicBezTo>
                <a:close/>
                <a:moveTo>
                  <a:pt x="1587" y="932"/>
                </a:moveTo>
                <a:cubicBezTo>
                  <a:pt x="1594" y="932"/>
                  <a:pt x="1600" y="926"/>
                  <a:pt x="1600" y="919"/>
                </a:cubicBezTo>
                <a:cubicBezTo>
                  <a:pt x="1600" y="912"/>
                  <a:pt x="1594" y="907"/>
                  <a:pt x="1587" y="907"/>
                </a:cubicBezTo>
                <a:cubicBezTo>
                  <a:pt x="1580" y="907"/>
                  <a:pt x="1574" y="912"/>
                  <a:pt x="1574" y="919"/>
                </a:cubicBezTo>
                <a:cubicBezTo>
                  <a:pt x="1574" y="926"/>
                  <a:pt x="1580" y="932"/>
                  <a:pt x="1587" y="932"/>
                </a:cubicBezTo>
                <a:close/>
                <a:moveTo>
                  <a:pt x="1627" y="932"/>
                </a:moveTo>
                <a:cubicBezTo>
                  <a:pt x="1634" y="932"/>
                  <a:pt x="1639" y="926"/>
                  <a:pt x="1639" y="919"/>
                </a:cubicBezTo>
                <a:cubicBezTo>
                  <a:pt x="1639" y="912"/>
                  <a:pt x="1634" y="907"/>
                  <a:pt x="1627" y="907"/>
                </a:cubicBezTo>
                <a:cubicBezTo>
                  <a:pt x="1620" y="907"/>
                  <a:pt x="1614" y="912"/>
                  <a:pt x="1614" y="919"/>
                </a:cubicBezTo>
                <a:cubicBezTo>
                  <a:pt x="1614" y="926"/>
                  <a:pt x="1620" y="932"/>
                  <a:pt x="1627" y="932"/>
                </a:cubicBezTo>
                <a:close/>
                <a:moveTo>
                  <a:pt x="1666" y="932"/>
                </a:moveTo>
                <a:cubicBezTo>
                  <a:pt x="1673" y="932"/>
                  <a:pt x="1679" y="926"/>
                  <a:pt x="1679" y="919"/>
                </a:cubicBezTo>
                <a:cubicBezTo>
                  <a:pt x="1679" y="912"/>
                  <a:pt x="1673" y="907"/>
                  <a:pt x="1666" y="907"/>
                </a:cubicBezTo>
                <a:cubicBezTo>
                  <a:pt x="1659" y="907"/>
                  <a:pt x="1653" y="912"/>
                  <a:pt x="1653" y="919"/>
                </a:cubicBezTo>
                <a:cubicBezTo>
                  <a:pt x="1653" y="926"/>
                  <a:pt x="1659" y="932"/>
                  <a:pt x="1666" y="932"/>
                </a:cubicBezTo>
                <a:close/>
                <a:moveTo>
                  <a:pt x="1705" y="932"/>
                </a:moveTo>
                <a:cubicBezTo>
                  <a:pt x="1713" y="932"/>
                  <a:pt x="1718" y="926"/>
                  <a:pt x="1718" y="919"/>
                </a:cubicBezTo>
                <a:cubicBezTo>
                  <a:pt x="1718" y="912"/>
                  <a:pt x="1713" y="907"/>
                  <a:pt x="1705" y="907"/>
                </a:cubicBezTo>
                <a:cubicBezTo>
                  <a:pt x="1698" y="907"/>
                  <a:pt x="1693" y="912"/>
                  <a:pt x="1693" y="919"/>
                </a:cubicBezTo>
                <a:cubicBezTo>
                  <a:pt x="1693" y="926"/>
                  <a:pt x="1698" y="932"/>
                  <a:pt x="1705" y="932"/>
                </a:cubicBezTo>
                <a:close/>
                <a:moveTo>
                  <a:pt x="1745" y="932"/>
                </a:moveTo>
                <a:cubicBezTo>
                  <a:pt x="1752" y="932"/>
                  <a:pt x="1758" y="926"/>
                  <a:pt x="1758" y="919"/>
                </a:cubicBezTo>
                <a:cubicBezTo>
                  <a:pt x="1758" y="912"/>
                  <a:pt x="1752" y="907"/>
                  <a:pt x="1745" y="907"/>
                </a:cubicBezTo>
                <a:cubicBezTo>
                  <a:pt x="1738" y="907"/>
                  <a:pt x="1732" y="912"/>
                  <a:pt x="1732" y="919"/>
                </a:cubicBezTo>
                <a:cubicBezTo>
                  <a:pt x="1732" y="926"/>
                  <a:pt x="1738" y="932"/>
                  <a:pt x="1745" y="932"/>
                </a:cubicBezTo>
                <a:close/>
                <a:moveTo>
                  <a:pt x="1784" y="932"/>
                </a:moveTo>
                <a:cubicBezTo>
                  <a:pt x="1791" y="932"/>
                  <a:pt x="1797" y="926"/>
                  <a:pt x="1797" y="919"/>
                </a:cubicBezTo>
                <a:cubicBezTo>
                  <a:pt x="1797" y="912"/>
                  <a:pt x="1791" y="907"/>
                  <a:pt x="1784" y="907"/>
                </a:cubicBezTo>
                <a:cubicBezTo>
                  <a:pt x="1777" y="907"/>
                  <a:pt x="1772" y="912"/>
                  <a:pt x="1772" y="919"/>
                </a:cubicBezTo>
                <a:cubicBezTo>
                  <a:pt x="1772" y="926"/>
                  <a:pt x="1777" y="932"/>
                  <a:pt x="1784" y="932"/>
                </a:cubicBezTo>
                <a:close/>
                <a:moveTo>
                  <a:pt x="1824" y="932"/>
                </a:moveTo>
                <a:cubicBezTo>
                  <a:pt x="1831" y="932"/>
                  <a:pt x="1836" y="926"/>
                  <a:pt x="1836" y="919"/>
                </a:cubicBezTo>
                <a:cubicBezTo>
                  <a:pt x="1836" y="912"/>
                  <a:pt x="1831" y="907"/>
                  <a:pt x="1824" y="907"/>
                </a:cubicBezTo>
                <a:cubicBezTo>
                  <a:pt x="1817" y="907"/>
                  <a:pt x="1811" y="912"/>
                  <a:pt x="1811" y="919"/>
                </a:cubicBezTo>
                <a:cubicBezTo>
                  <a:pt x="1811" y="926"/>
                  <a:pt x="1817" y="932"/>
                  <a:pt x="1824" y="932"/>
                </a:cubicBezTo>
                <a:close/>
                <a:moveTo>
                  <a:pt x="1863" y="932"/>
                </a:moveTo>
                <a:cubicBezTo>
                  <a:pt x="1870" y="932"/>
                  <a:pt x="1876" y="926"/>
                  <a:pt x="1876" y="919"/>
                </a:cubicBezTo>
                <a:cubicBezTo>
                  <a:pt x="1876" y="912"/>
                  <a:pt x="1870" y="907"/>
                  <a:pt x="1863" y="907"/>
                </a:cubicBezTo>
                <a:cubicBezTo>
                  <a:pt x="1856" y="907"/>
                  <a:pt x="1850" y="912"/>
                  <a:pt x="1850" y="919"/>
                </a:cubicBezTo>
                <a:cubicBezTo>
                  <a:pt x="1850" y="926"/>
                  <a:pt x="1856" y="932"/>
                  <a:pt x="1863" y="932"/>
                </a:cubicBezTo>
                <a:close/>
                <a:moveTo>
                  <a:pt x="1903" y="932"/>
                </a:moveTo>
                <a:cubicBezTo>
                  <a:pt x="1910" y="932"/>
                  <a:pt x="1915" y="926"/>
                  <a:pt x="1915" y="919"/>
                </a:cubicBezTo>
                <a:cubicBezTo>
                  <a:pt x="1915" y="912"/>
                  <a:pt x="1910" y="907"/>
                  <a:pt x="1903" y="907"/>
                </a:cubicBezTo>
                <a:cubicBezTo>
                  <a:pt x="1896" y="907"/>
                  <a:pt x="1890" y="912"/>
                  <a:pt x="1890" y="919"/>
                </a:cubicBezTo>
                <a:cubicBezTo>
                  <a:pt x="1890" y="926"/>
                  <a:pt x="1896" y="932"/>
                  <a:pt x="1903" y="932"/>
                </a:cubicBezTo>
                <a:close/>
                <a:moveTo>
                  <a:pt x="1942" y="932"/>
                </a:moveTo>
                <a:cubicBezTo>
                  <a:pt x="1949" y="932"/>
                  <a:pt x="1955" y="926"/>
                  <a:pt x="1955" y="919"/>
                </a:cubicBezTo>
                <a:cubicBezTo>
                  <a:pt x="1955" y="912"/>
                  <a:pt x="1949" y="907"/>
                  <a:pt x="1942" y="907"/>
                </a:cubicBezTo>
                <a:cubicBezTo>
                  <a:pt x="1935" y="907"/>
                  <a:pt x="1929" y="912"/>
                  <a:pt x="1929" y="919"/>
                </a:cubicBezTo>
                <a:cubicBezTo>
                  <a:pt x="1929" y="926"/>
                  <a:pt x="1935" y="932"/>
                  <a:pt x="1942" y="932"/>
                </a:cubicBezTo>
                <a:close/>
                <a:moveTo>
                  <a:pt x="1981" y="932"/>
                </a:moveTo>
                <a:cubicBezTo>
                  <a:pt x="1988" y="932"/>
                  <a:pt x="1994" y="926"/>
                  <a:pt x="1994" y="919"/>
                </a:cubicBezTo>
                <a:cubicBezTo>
                  <a:pt x="1994" y="912"/>
                  <a:pt x="1988" y="907"/>
                  <a:pt x="1981" y="907"/>
                </a:cubicBezTo>
                <a:cubicBezTo>
                  <a:pt x="1974" y="907"/>
                  <a:pt x="1969" y="912"/>
                  <a:pt x="1969" y="919"/>
                </a:cubicBezTo>
                <a:cubicBezTo>
                  <a:pt x="1969" y="926"/>
                  <a:pt x="1974" y="932"/>
                  <a:pt x="1981" y="932"/>
                </a:cubicBezTo>
                <a:close/>
                <a:moveTo>
                  <a:pt x="2021" y="932"/>
                </a:moveTo>
                <a:cubicBezTo>
                  <a:pt x="2028" y="932"/>
                  <a:pt x="2034" y="926"/>
                  <a:pt x="2034" y="919"/>
                </a:cubicBezTo>
                <a:cubicBezTo>
                  <a:pt x="2034" y="912"/>
                  <a:pt x="2028" y="907"/>
                  <a:pt x="2021" y="907"/>
                </a:cubicBezTo>
                <a:cubicBezTo>
                  <a:pt x="2014" y="907"/>
                  <a:pt x="2008" y="912"/>
                  <a:pt x="2008" y="919"/>
                </a:cubicBezTo>
                <a:cubicBezTo>
                  <a:pt x="2008" y="926"/>
                  <a:pt x="2014" y="932"/>
                  <a:pt x="2021" y="932"/>
                </a:cubicBezTo>
                <a:close/>
                <a:moveTo>
                  <a:pt x="2060" y="932"/>
                </a:moveTo>
                <a:cubicBezTo>
                  <a:pt x="2067" y="932"/>
                  <a:pt x="2073" y="926"/>
                  <a:pt x="2073" y="919"/>
                </a:cubicBezTo>
                <a:cubicBezTo>
                  <a:pt x="2073" y="912"/>
                  <a:pt x="2067" y="907"/>
                  <a:pt x="2060" y="907"/>
                </a:cubicBezTo>
                <a:cubicBezTo>
                  <a:pt x="2053" y="907"/>
                  <a:pt x="2048" y="912"/>
                  <a:pt x="2048" y="919"/>
                </a:cubicBezTo>
                <a:cubicBezTo>
                  <a:pt x="2048" y="926"/>
                  <a:pt x="2053" y="932"/>
                  <a:pt x="2060" y="932"/>
                </a:cubicBezTo>
                <a:close/>
                <a:moveTo>
                  <a:pt x="2100" y="932"/>
                </a:moveTo>
                <a:cubicBezTo>
                  <a:pt x="2107" y="932"/>
                  <a:pt x="2112" y="926"/>
                  <a:pt x="2112" y="919"/>
                </a:cubicBezTo>
                <a:cubicBezTo>
                  <a:pt x="2112" y="912"/>
                  <a:pt x="2107" y="907"/>
                  <a:pt x="2100" y="907"/>
                </a:cubicBezTo>
                <a:cubicBezTo>
                  <a:pt x="2093" y="907"/>
                  <a:pt x="2087" y="912"/>
                  <a:pt x="2087" y="919"/>
                </a:cubicBezTo>
                <a:cubicBezTo>
                  <a:pt x="2087" y="926"/>
                  <a:pt x="2093" y="932"/>
                  <a:pt x="2100" y="932"/>
                </a:cubicBezTo>
                <a:close/>
                <a:moveTo>
                  <a:pt x="2139" y="932"/>
                </a:moveTo>
                <a:cubicBezTo>
                  <a:pt x="2146" y="932"/>
                  <a:pt x="2152" y="926"/>
                  <a:pt x="2152" y="919"/>
                </a:cubicBezTo>
                <a:cubicBezTo>
                  <a:pt x="2152" y="912"/>
                  <a:pt x="2146" y="907"/>
                  <a:pt x="2139" y="907"/>
                </a:cubicBezTo>
                <a:cubicBezTo>
                  <a:pt x="2132" y="907"/>
                  <a:pt x="2126" y="912"/>
                  <a:pt x="2126" y="919"/>
                </a:cubicBezTo>
                <a:cubicBezTo>
                  <a:pt x="2126" y="926"/>
                  <a:pt x="2132" y="932"/>
                  <a:pt x="2139" y="932"/>
                </a:cubicBezTo>
                <a:close/>
                <a:moveTo>
                  <a:pt x="2179" y="932"/>
                </a:moveTo>
                <a:cubicBezTo>
                  <a:pt x="2186" y="932"/>
                  <a:pt x="2191" y="926"/>
                  <a:pt x="2191" y="919"/>
                </a:cubicBezTo>
                <a:cubicBezTo>
                  <a:pt x="2191" y="912"/>
                  <a:pt x="2186" y="907"/>
                  <a:pt x="2179" y="907"/>
                </a:cubicBezTo>
                <a:cubicBezTo>
                  <a:pt x="2172" y="907"/>
                  <a:pt x="2166" y="912"/>
                  <a:pt x="2166" y="919"/>
                </a:cubicBezTo>
                <a:cubicBezTo>
                  <a:pt x="2166" y="926"/>
                  <a:pt x="2172" y="932"/>
                  <a:pt x="2179" y="932"/>
                </a:cubicBezTo>
                <a:close/>
                <a:moveTo>
                  <a:pt x="2218" y="932"/>
                </a:moveTo>
                <a:cubicBezTo>
                  <a:pt x="2225" y="932"/>
                  <a:pt x="2231" y="926"/>
                  <a:pt x="2231" y="919"/>
                </a:cubicBezTo>
                <a:cubicBezTo>
                  <a:pt x="2231" y="912"/>
                  <a:pt x="2225" y="907"/>
                  <a:pt x="2218" y="907"/>
                </a:cubicBezTo>
                <a:cubicBezTo>
                  <a:pt x="2211" y="907"/>
                  <a:pt x="2205" y="912"/>
                  <a:pt x="2205" y="919"/>
                </a:cubicBezTo>
                <a:cubicBezTo>
                  <a:pt x="2205" y="926"/>
                  <a:pt x="2211" y="932"/>
                  <a:pt x="2218" y="932"/>
                </a:cubicBezTo>
                <a:close/>
                <a:moveTo>
                  <a:pt x="2257" y="907"/>
                </a:moveTo>
                <a:cubicBezTo>
                  <a:pt x="2250" y="907"/>
                  <a:pt x="2245" y="912"/>
                  <a:pt x="2245" y="919"/>
                </a:cubicBezTo>
                <a:cubicBezTo>
                  <a:pt x="2245" y="926"/>
                  <a:pt x="2250" y="932"/>
                  <a:pt x="2257" y="932"/>
                </a:cubicBezTo>
                <a:cubicBezTo>
                  <a:pt x="2264" y="932"/>
                  <a:pt x="2270" y="926"/>
                  <a:pt x="2270" y="919"/>
                </a:cubicBezTo>
                <a:cubicBezTo>
                  <a:pt x="2270" y="912"/>
                  <a:pt x="2264" y="907"/>
                  <a:pt x="2257" y="907"/>
                </a:cubicBezTo>
                <a:close/>
                <a:moveTo>
                  <a:pt x="2455" y="932"/>
                </a:moveTo>
                <a:cubicBezTo>
                  <a:pt x="2462" y="932"/>
                  <a:pt x="2467" y="926"/>
                  <a:pt x="2467" y="919"/>
                </a:cubicBezTo>
                <a:cubicBezTo>
                  <a:pt x="2467" y="912"/>
                  <a:pt x="2462" y="907"/>
                  <a:pt x="2455" y="907"/>
                </a:cubicBezTo>
                <a:cubicBezTo>
                  <a:pt x="2447" y="907"/>
                  <a:pt x="2442" y="912"/>
                  <a:pt x="2442" y="919"/>
                </a:cubicBezTo>
                <a:cubicBezTo>
                  <a:pt x="2442" y="926"/>
                  <a:pt x="2447" y="932"/>
                  <a:pt x="2455" y="932"/>
                </a:cubicBezTo>
                <a:close/>
                <a:moveTo>
                  <a:pt x="2494" y="932"/>
                </a:moveTo>
                <a:cubicBezTo>
                  <a:pt x="2501" y="932"/>
                  <a:pt x="2507" y="926"/>
                  <a:pt x="2507" y="919"/>
                </a:cubicBezTo>
                <a:cubicBezTo>
                  <a:pt x="2507" y="912"/>
                  <a:pt x="2501" y="907"/>
                  <a:pt x="2494" y="907"/>
                </a:cubicBezTo>
                <a:cubicBezTo>
                  <a:pt x="2487" y="907"/>
                  <a:pt x="2481" y="912"/>
                  <a:pt x="2481" y="919"/>
                </a:cubicBezTo>
                <a:cubicBezTo>
                  <a:pt x="2481" y="926"/>
                  <a:pt x="2487" y="932"/>
                  <a:pt x="2494" y="932"/>
                </a:cubicBezTo>
                <a:close/>
                <a:moveTo>
                  <a:pt x="2533" y="907"/>
                </a:moveTo>
                <a:cubicBezTo>
                  <a:pt x="2526" y="907"/>
                  <a:pt x="2521" y="912"/>
                  <a:pt x="2521" y="919"/>
                </a:cubicBezTo>
                <a:cubicBezTo>
                  <a:pt x="2521" y="926"/>
                  <a:pt x="2526" y="932"/>
                  <a:pt x="2533" y="932"/>
                </a:cubicBezTo>
                <a:cubicBezTo>
                  <a:pt x="2540" y="932"/>
                  <a:pt x="2546" y="926"/>
                  <a:pt x="2546" y="919"/>
                </a:cubicBezTo>
                <a:cubicBezTo>
                  <a:pt x="2546" y="912"/>
                  <a:pt x="2540" y="907"/>
                  <a:pt x="2533" y="907"/>
                </a:cubicBezTo>
                <a:close/>
                <a:moveTo>
                  <a:pt x="2573" y="907"/>
                </a:moveTo>
                <a:cubicBezTo>
                  <a:pt x="2566" y="907"/>
                  <a:pt x="2560" y="912"/>
                  <a:pt x="2560" y="919"/>
                </a:cubicBezTo>
                <a:cubicBezTo>
                  <a:pt x="2560" y="926"/>
                  <a:pt x="2566" y="932"/>
                  <a:pt x="2573" y="932"/>
                </a:cubicBezTo>
                <a:cubicBezTo>
                  <a:pt x="2580" y="932"/>
                  <a:pt x="2586" y="926"/>
                  <a:pt x="2586" y="919"/>
                </a:cubicBezTo>
                <a:cubicBezTo>
                  <a:pt x="2586" y="912"/>
                  <a:pt x="2580" y="907"/>
                  <a:pt x="2573" y="907"/>
                </a:cubicBezTo>
                <a:close/>
                <a:moveTo>
                  <a:pt x="2652" y="907"/>
                </a:moveTo>
                <a:cubicBezTo>
                  <a:pt x="2645" y="907"/>
                  <a:pt x="2639" y="912"/>
                  <a:pt x="2639" y="919"/>
                </a:cubicBezTo>
                <a:cubicBezTo>
                  <a:pt x="2639" y="926"/>
                  <a:pt x="2645" y="932"/>
                  <a:pt x="2652" y="932"/>
                </a:cubicBezTo>
                <a:cubicBezTo>
                  <a:pt x="2659" y="932"/>
                  <a:pt x="2664" y="926"/>
                  <a:pt x="2664" y="919"/>
                </a:cubicBezTo>
                <a:cubicBezTo>
                  <a:pt x="2664" y="912"/>
                  <a:pt x="2659" y="907"/>
                  <a:pt x="2652" y="907"/>
                </a:cubicBezTo>
                <a:close/>
                <a:moveTo>
                  <a:pt x="2691" y="932"/>
                </a:moveTo>
                <a:cubicBezTo>
                  <a:pt x="2698" y="932"/>
                  <a:pt x="2704" y="926"/>
                  <a:pt x="2704" y="919"/>
                </a:cubicBezTo>
                <a:cubicBezTo>
                  <a:pt x="2704" y="912"/>
                  <a:pt x="2698" y="907"/>
                  <a:pt x="2691" y="907"/>
                </a:cubicBezTo>
                <a:cubicBezTo>
                  <a:pt x="2684" y="907"/>
                  <a:pt x="2678" y="912"/>
                  <a:pt x="2678" y="919"/>
                </a:cubicBezTo>
                <a:cubicBezTo>
                  <a:pt x="2678" y="926"/>
                  <a:pt x="2684" y="932"/>
                  <a:pt x="2691" y="932"/>
                </a:cubicBezTo>
                <a:close/>
                <a:moveTo>
                  <a:pt x="2730" y="907"/>
                </a:moveTo>
                <a:cubicBezTo>
                  <a:pt x="2723" y="907"/>
                  <a:pt x="2718" y="912"/>
                  <a:pt x="2718" y="919"/>
                </a:cubicBezTo>
                <a:cubicBezTo>
                  <a:pt x="2718" y="926"/>
                  <a:pt x="2723" y="932"/>
                  <a:pt x="2730" y="932"/>
                </a:cubicBezTo>
                <a:cubicBezTo>
                  <a:pt x="2738" y="932"/>
                  <a:pt x="2743" y="926"/>
                  <a:pt x="2743" y="919"/>
                </a:cubicBezTo>
                <a:cubicBezTo>
                  <a:pt x="2743" y="912"/>
                  <a:pt x="2738" y="907"/>
                  <a:pt x="2730" y="907"/>
                </a:cubicBezTo>
                <a:close/>
                <a:moveTo>
                  <a:pt x="2770" y="932"/>
                </a:moveTo>
                <a:cubicBezTo>
                  <a:pt x="2777" y="932"/>
                  <a:pt x="2783" y="926"/>
                  <a:pt x="2783" y="919"/>
                </a:cubicBezTo>
                <a:cubicBezTo>
                  <a:pt x="2783" y="912"/>
                  <a:pt x="2777" y="907"/>
                  <a:pt x="2770" y="907"/>
                </a:cubicBezTo>
                <a:cubicBezTo>
                  <a:pt x="2763" y="907"/>
                  <a:pt x="2757" y="912"/>
                  <a:pt x="2757" y="919"/>
                </a:cubicBezTo>
                <a:cubicBezTo>
                  <a:pt x="2757" y="926"/>
                  <a:pt x="2763" y="932"/>
                  <a:pt x="2770" y="932"/>
                </a:cubicBezTo>
                <a:close/>
                <a:moveTo>
                  <a:pt x="720" y="946"/>
                </a:moveTo>
                <a:cubicBezTo>
                  <a:pt x="713" y="946"/>
                  <a:pt x="707" y="952"/>
                  <a:pt x="707" y="959"/>
                </a:cubicBezTo>
                <a:cubicBezTo>
                  <a:pt x="707" y="966"/>
                  <a:pt x="713" y="972"/>
                  <a:pt x="720" y="972"/>
                </a:cubicBezTo>
                <a:cubicBezTo>
                  <a:pt x="727" y="972"/>
                  <a:pt x="733" y="966"/>
                  <a:pt x="733" y="959"/>
                </a:cubicBezTo>
                <a:cubicBezTo>
                  <a:pt x="733" y="952"/>
                  <a:pt x="727" y="946"/>
                  <a:pt x="720" y="946"/>
                </a:cubicBezTo>
                <a:close/>
                <a:moveTo>
                  <a:pt x="759" y="946"/>
                </a:moveTo>
                <a:cubicBezTo>
                  <a:pt x="752" y="946"/>
                  <a:pt x="747" y="952"/>
                  <a:pt x="747" y="959"/>
                </a:cubicBezTo>
                <a:cubicBezTo>
                  <a:pt x="747" y="966"/>
                  <a:pt x="752" y="972"/>
                  <a:pt x="759" y="972"/>
                </a:cubicBezTo>
                <a:cubicBezTo>
                  <a:pt x="766" y="972"/>
                  <a:pt x="772" y="966"/>
                  <a:pt x="772" y="959"/>
                </a:cubicBezTo>
                <a:cubicBezTo>
                  <a:pt x="772" y="952"/>
                  <a:pt x="766" y="946"/>
                  <a:pt x="759" y="946"/>
                </a:cubicBezTo>
                <a:close/>
                <a:moveTo>
                  <a:pt x="799" y="952"/>
                </a:moveTo>
                <a:cubicBezTo>
                  <a:pt x="795" y="952"/>
                  <a:pt x="791" y="955"/>
                  <a:pt x="791" y="959"/>
                </a:cubicBezTo>
                <a:cubicBezTo>
                  <a:pt x="791" y="963"/>
                  <a:pt x="795" y="966"/>
                  <a:pt x="799" y="966"/>
                </a:cubicBezTo>
                <a:cubicBezTo>
                  <a:pt x="803" y="966"/>
                  <a:pt x="806" y="963"/>
                  <a:pt x="806" y="959"/>
                </a:cubicBezTo>
                <a:cubicBezTo>
                  <a:pt x="806" y="955"/>
                  <a:pt x="803" y="952"/>
                  <a:pt x="799" y="952"/>
                </a:cubicBezTo>
                <a:close/>
                <a:moveTo>
                  <a:pt x="1548" y="972"/>
                </a:moveTo>
                <a:cubicBezTo>
                  <a:pt x="1555" y="972"/>
                  <a:pt x="1561" y="966"/>
                  <a:pt x="1561" y="959"/>
                </a:cubicBezTo>
                <a:cubicBezTo>
                  <a:pt x="1561" y="952"/>
                  <a:pt x="1555" y="946"/>
                  <a:pt x="1548" y="946"/>
                </a:cubicBezTo>
                <a:cubicBezTo>
                  <a:pt x="1541" y="946"/>
                  <a:pt x="1535" y="952"/>
                  <a:pt x="1535" y="959"/>
                </a:cubicBezTo>
                <a:cubicBezTo>
                  <a:pt x="1535" y="966"/>
                  <a:pt x="1541" y="972"/>
                  <a:pt x="1548" y="972"/>
                </a:cubicBezTo>
                <a:close/>
                <a:moveTo>
                  <a:pt x="1587" y="946"/>
                </a:moveTo>
                <a:cubicBezTo>
                  <a:pt x="1580" y="946"/>
                  <a:pt x="1574" y="952"/>
                  <a:pt x="1574" y="959"/>
                </a:cubicBezTo>
                <a:cubicBezTo>
                  <a:pt x="1574" y="966"/>
                  <a:pt x="1580" y="972"/>
                  <a:pt x="1587" y="972"/>
                </a:cubicBezTo>
                <a:cubicBezTo>
                  <a:pt x="1594" y="972"/>
                  <a:pt x="1600" y="966"/>
                  <a:pt x="1600" y="959"/>
                </a:cubicBezTo>
                <a:cubicBezTo>
                  <a:pt x="1600" y="952"/>
                  <a:pt x="1594" y="946"/>
                  <a:pt x="1587" y="946"/>
                </a:cubicBezTo>
                <a:close/>
                <a:moveTo>
                  <a:pt x="1627" y="946"/>
                </a:moveTo>
                <a:cubicBezTo>
                  <a:pt x="1620" y="946"/>
                  <a:pt x="1614" y="952"/>
                  <a:pt x="1614" y="959"/>
                </a:cubicBezTo>
                <a:cubicBezTo>
                  <a:pt x="1614" y="966"/>
                  <a:pt x="1620" y="972"/>
                  <a:pt x="1627" y="972"/>
                </a:cubicBezTo>
                <a:cubicBezTo>
                  <a:pt x="1634" y="972"/>
                  <a:pt x="1639" y="966"/>
                  <a:pt x="1639" y="959"/>
                </a:cubicBezTo>
                <a:cubicBezTo>
                  <a:pt x="1639" y="952"/>
                  <a:pt x="1634" y="946"/>
                  <a:pt x="1627" y="946"/>
                </a:cubicBezTo>
                <a:close/>
                <a:moveTo>
                  <a:pt x="1666" y="972"/>
                </a:moveTo>
                <a:cubicBezTo>
                  <a:pt x="1673" y="972"/>
                  <a:pt x="1679" y="966"/>
                  <a:pt x="1679" y="959"/>
                </a:cubicBezTo>
                <a:cubicBezTo>
                  <a:pt x="1679" y="952"/>
                  <a:pt x="1673" y="946"/>
                  <a:pt x="1666" y="946"/>
                </a:cubicBezTo>
                <a:cubicBezTo>
                  <a:pt x="1659" y="946"/>
                  <a:pt x="1653" y="952"/>
                  <a:pt x="1653" y="959"/>
                </a:cubicBezTo>
                <a:cubicBezTo>
                  <a:pt x="1653" y="966"/>
                  <a:pt x="1659" y="972"/>
                  <a:pt x="1666" y="972"/>
                </a:cubicBezTo>
                <a:close/>
                <a:moveTo>
                  <a:pt x="1705" y="972"/>
                </a:moveTo>
                <a:cubicBezTo>
                  <a:pt x="1713" y="972"/>
                  <a:pt x="1718" y="966"/>
                  <a:pt x="1718" y="959"/>
                </a:cubicBezTo>
                <a:cubicBezTo>
                  <a:pt x="1718" y="952"/>
                  <a:pt x="1713" y="946"/>
                  <a:pt x="1705" y="946"/>
                </a:cubicBezTo>
                <a:cubicBezTo>
                  <a:pt x="1698" y="946"/>
                  <a:pt x="1693" y="952"/>
                  <a:pt x="1693" y="959"/>
                </a:cubicBezTo>
                <a:cubicBezTo>
                  <a:pt x="1693" y="966"/>
                  <a:pt x="1698" y="972"/>
                  <a:pt x="1705" y="972"/>
                </a:cubicBezTo>
                <a:close/>
                <a:moveTo>
                  <a:pt x="1745" y="972"/>
                </a:moveTo>
                <a:cubicBezTo>
                  <a:pt x="1752" y="972"/>
                  <a:pt x="1758" y="966"/>
                  <a:pt x="1758" y="959"/>
                </a:cubicBezTo>
                <a:cubicBezTo>
                  <a:pt x="1758" y="952"/>
                  <a:pt x="1752" y="946"/>
                  <a:pt x="1745" y="946"/>
                </a:cubicBezTo>
                <a:cubicBezTo>
                  <a:pt x="1738" y="946"/>
                  <a:pt x="1732" y="952"/>
                  <a:pt x="1732" y="959"/>
                </a:cubicBezTo>
                <a:cubicBezTo>
                  <a:pt x="1732" y="966"/>
                  <a:pt x="1738" y="972"/>
                  <a:pt x="1745" y="972"/>
                </a:cubicBezTo>
                <a:close/>
                <a:moveTo>
                  <a:pt x="1784" y="972"/>
                </a:moveTo>
                <a:cubicBezTo>
                  <a:pt x="1791" y="972"/>
                  <a:pt x="1797" y="966"/>
                  <a:pt x="1797" y="959"/>
                </a:cubicBezTo>
                <a:cubicBezTo>
                  <a:pt x="1797" y="952"/>
                  <a:pt x="1791" y="946"/>
                  <a:pt x="1784" y="946"/>
                </a:cubicBezTo>
                <a:cubicBezTo>
                  <a:pt x="1777" y="946"/>
                  <a:pt x="1772" y="952"/>
                  <a:pt x="1772" y="959"/>
                </a:cubicBezTo>
                <a:cubicBezTo>
                  <a:pt x="1772" y="966"/>
                  <a:pt x="1777" y="972"/>
                  <a:pt x="1784" y="972"/>
                </a:cubicBezTo>
                <a:close/>
                <a:moveTo>
                  <a:pt x="1824" y="972"/>
                </a:moveTo>
                <a:cubicBezTo>
                  <a:pt x="1831" y="972"/>
                  <a:pt x="1836" y="966"/>
                  <a:pt x="1836" y="959"/>
                </a:cubicBezTo>
                <a:cubicBezTo>
                  <a:pt x="1836" y="952"/>
                  <a:pt x="1831" y="946"/>
                  <a:pt x="1824" y="946"/>
                </a:cubicBezTo>
                <a:cubicBezTo>
                  <a:pt x="1817" y="946"/>
                  <a:pt x="1811" y="952"/>
                  <a:pt x="1811" y="959"/>
                </a:cubicBezTo>
                <a:cubicBezTo>
                  <a:pt x="1811" y="966"/>
                  <a:pt x="1817" y="972"/>
                  <a:pt x="1824" y="972"/>
                </a:cubicBezTo>
                <a:close/>
                <a:moveTo>
                  <a:pt x="1863" y="946"/>
                </a:moveTo>
                <a:cubicBezTo>
                  <a:pt x="1856" y="946"/>
                  <a:pt x="1850" y="952"/>
                  <a:pt x="1850" y="959"/>
                </a:cubicBezTo>
                <a:cubicBezTo>
                  <a:pt x="1850" y="966"/>
                  <a:pt x="1856" y="972"/>
                  <a:pt x="1863" y="972"/>
                </a:cubicBezTo>
                <a:cubicBezTo>
                  <a:pt x="1870" y="972"/>
                  <a:pt x="1876" y="966"/>
                  <a:pt x="1876" y="959"/>
                </a:cubicBezTo>
                <a:cubicBezTo>
                  <a:pt x="1876" y="952"/>
                  <a:pt x="1870" y="946"/>
                  <a:pt x="1863" y="946"/>
                </a:cubicBezTo>
                <a:close/>
                <a:moveTo>
                  <a:pt x="1903" y="972"/>
                </a:moveTo>
                <a:cubicBezTo>
                  <a:pt x="1910" y="972"/>
                  <a:pt x="1915" y="966"/>
                  <a:pt x="1915" y="959"/>
                </a:cubicBezTo>
                <a:cubicBezTo>
                  <a:pt x="1915" y="952"/>
                  <a:pt x="1910" y="946"/>
                  <a:pt x="1903" y="946"/>
                </a:cubicBezTo>
                <a:cubicBezTo>
                  <a:pt x="1896" y="946"/>
                  <a:pt x="1890" y="952"/>
                  <a:pt x="1890" y="959"/>
                </a:cubicBezTo>
                <a:cubicBezTo>
                  <a:pt x="1890" y="966"/>
                  <a:pt x="1896" y="972"/>
                  <a:pt x="1903" y="972"/>
                </a:cubicBezTo>
                <a:close/>
                <a:moveTo>
                  <a:pt x="1942" y="972"/>
                </a:moveTo>
                <a:cubicBezTo>
                  <a:pt x="1949" y="972"/>
                  <a:pt x="1955" y="966"/>
                  <a:pt x="1955" y="959"/>
                </a:cubicBezTo>
                <a:cubicBezTo>
                  <a:pt x="1955" y="952"/>
                  <a:pt x="1949" y="946"/>
                  <a:pt x="1942" y="946"/>
                </a:cubicBezTo>
                <a:cubicBezTo>
                  <a:pt x="1935" y="946"/>
                  <a:pt x="1929" y="952"/>
                  <a:pt x="1929" y="959"/>
                </a:cubicBezTo>
                <a:cubicBezTo>
                  <a:pt x="1929" y="966"/>
                  <a:pt x="1935" y="972"/>
                  <a:pt x="1942" y="972"/>
                </a:cubicBezTo>
                <a:close/>
                <a:moveTo>
                  <a:pt x="1981" y="972"/>
                </a:moveTo>
                <a:cubicBezTo>
                  <a:pt x="1988" y="972"/>
                  <a:pt x="1994" y="966"/>
                  <a:pt x="1994" y="959"/>
                </a:cubicBezTo>
                <a:cubicBezTo>
                  <a:pt x="1994" y="952"/>
                  <a:pt x="1988" y="946"/>
                  <a:pt x="1981" y="946"/>
                </a:cubicBezTo>
                <a:cubicBezTo>
                  <a:pt x="1974" y="946"/>
                  <a:pt x="1969" y="952"/>
                  <a:pt x="1969" y="959"/>
                </a:cubicBezTo>
                <a:cubicBezTo>
                  <a:pt x="1969" y="966"/>
                  <a:pt x="1974" y="972"/>
                  <a:pt x="1981" y="972"/>
                </a:cubicBezTo>
                <a:close/>
                <a:moveTo>
                  <a:pt x="2021" y="972"/>
                </a:moveTo>
                <a:cubicBezTo>
                  <a:pt x="2028" y="972"/>
                  <a:pt x="2034" y="966"/>
                  <a:pt x="2034" y="959"/>
                </a:cubicBezTo>
                <a:cubicBezTo>
                  <a:pt x="2034" y="952"/>
                  <a:pt x="2028" y="946"/>
                  <a:pt x="2021" y="946"/>
                </a:cubicBezTo>
                <a:cubicBezTo>
                  <a:pt x="2014" y="946"/>
                  <a:pt x="2008" y="952"/>
                  <a:pt x="2008" y="959"/>
                </a:cubicBezTo>
                <a:cubicBezTo>
                  <a:pt x="2008" y="966"/>
                  <a:pt x="2014" y="972"/>
                  <a:pt x="2021" y="972"/>
                </a:cubicBezTo>
                <a:close/>
                <a:moveTo>
                  <a:pt x="2060" y="972"/>
                </a:moveTo>
                <a:cubicBezTo>
                  <a:pt x="2067" y="972"/>
                  <a:pt x="2073" y="966"/>
                  <a:pt x="2073" y="959"/>
                </a:cubicBezTo>
                <a:cubicBezTo>
                  <a:pt x="2073" y="952"/>
                  <a:pt x="2067" y="946"/>
                  <a:pt x="2060" y="946"/>
                </a:cubicBezTo>
                <a:cubicBezTo>
                  <a:pt x="2053" y="946"/>
                  <a:pt x="2048" y="952"/>
                  <a:pt x="2048" y="959"/>
                </a:cubicBezTo>
                <a:cubicBezTo>
                  <a:pt x="2048" y="966"/>
                  <a:pt x="2053" y="972"/>
                  <a:pt x="2060" y="972"/>
                </a:cubicBezTo>
                <a:close/>
                <a:moveTo>
                  <a:pt x="2139" y="972"/>
                </a:moveTo>
                <a:cubicBezTo>
                  <a:pt x="2146" y="972"/>
                  <a:pt x="2152" y="966"/>
                  <a:pt x="2152" y="959"/>
                </a:cubicBezTo>
                <a:cubicBezTo>
                  <a:pt x="2152" y="952"/>
                  <a:pt x="2146" y="946"/>
                  <a:pt x="2139" y="946"/>
                </a:cubicBezTo>
                <a:cubicBezTo>
                  <a:pt x="2132" y="946"/>
                  <a:pt x="2126" y="952"/>
                  <a:pt x="2126" y="959"/>
                </a:cubicBezTo>
                <a:cubicBezTo>
                  <a:pt x="2126" y="966"/>
                  <a:pt x="2132" y="972"/>
                  <a:pt x="2139" y="972"/>
                </a:cubicBezTo>
                <a:close/>
                <a:moveTo>
                  <a:pt x="2179" y="972"/>
                </a:moveTo>
                <a:cubicBezTo>
                  <a:pt x="2186" y="972"/>
                  <a:pt x="2191" y="966"/>
                  <a:pt x="2191" y="959"/>
                </a:cubicBezTo>
                <a:cubicBezTo>
                  <a:pt x="2191" y="952"/>
                  <a:pt x="2186" y="946"/>
                  <a:pt x="2179" y="946"/>
                </a:cubicBezTo>
                <a:cubicBezTo>
                  <a:pt x="2172" y="946"/>
                  <a:pt x="2166" y="952"/>
                  <a:pt x="2166" y="959"/>
                </a:cubicBezTo>
                <a:cubicBezTo>
                  <a:pt x="2166" y="966"/>
                  <a:pt x="2172" y="972"/>
                  <a:pt x="2179" y="972"/>
                </a:cubicBezTo>
                <a:close/>
                <a:moveTo>
                  <a:pt x="2218" y="946"/>
                </a:moveTo>
                <a:cubicBezTo>
                  <a:pt x="2211" y="946"/>
                  <a:pt x="2205" y="952"/>
                  <a:pt x="2205" y="959"/>
                </a:cubicBezTo>
                <a:cubicBezTo>
                  <a:pt x="2205" y="966"/>
                  <a:pt x="2211" y="972"/>
                  <a:pt x="2218" y="972"/>
                </a:cubicBezTo>
                <a:cubicBezTo>
                  <a:pt x="2225" y="972"/>
                  <a:pt x="2231" y="966"/>
                  <a:pt x="2231" y="959"/>
                </a:cubicBezTo>
                <a:cubicBezTo>
                  <a:pt x="2231" y="952"/>
                  <a:pt x="2225" y="946"/>
                  <a:pt x="2218" y="946"/>
                </a:cubicBezTo>
                <a:close/>
                <a:moveTo>
                  <a:pt x="2455" y="946"/>
                </a:moveTo>
                <a:cubicBezTo>
                  <a:pt x="2447" y="946"/>
                  <a:pt x="2442" y="952"/>
                  <a:pt x="2442" y="959"/>
                </a:cubicBezTo>
                <a:cubicBezTo>
                  <a:pt x="2442" y="966"/>
                  <a:pt x="2447" y="972"/>
                  <a:pt x="2455" y="972"/>
                </a:cubicBezTo>
                <a:cubicBezTo>
                  <a:pt x="2462" y="972"/>
                  <a:pt x="2467" y="966"/>
                  <a:pt x="2467" y="959"/>
                </a:cubicBezTo>
                <a:cubicBezTo>
                  <a:pt x="2467" y="952"/>
                  <a:pt x="2462" y="946"/>
                  <a:pt x="2455" y="946"/>
                </a:cubicBezTo>
                <a:close/>
                <a:moveTo>
                  <a:pt x="2494" y="946"/>
                </a:moveTo>
                <a:cubicBezTo>
                  <a:pt x="2487" y="946"/>
                  <a:pt x="2481" y="952"/>
                  <a:pt x="2481" y="959"/>
                </a:cubicBezTo>
                <a:cubicBezTo>
                  <a:pt x="2481" y="966"/>
                  <a:pt x="2487" y="972"/>
                  <a:pt x="2494" y="972"/>
                </a:cubicBezTo>
                <a:cubicBezTo>
                  <a:pt x="2501" y="972"/>
                  <a:pt x="2507" y="966"/>
                  <a:pt x="2507" y="959"/>
                </a:cubicBezTo>
                <a:cubicBezTo>
                  <a:pt x="2507" y="952"/>
                  <a:pt x="2501" y="946"/>
                  <a:pt x="2494" y="946"/>
                </a:cubicBezTo>
                <a:close/>
                <a:moveTo>
                  <a:pt x="2691" y="946"/>
                </a:moveTo>
                <a:cubicBezTo>
                  <a:pt x="2684" y="946"/>
                  <a:pt x="2678" y="952"/>
                  <a:pt x="2678" y="959"/>
                </a:cubicBezTo>
                <a:cubicBezTo>
                  <a:pt x="2678" y="966"/>
                  <a:pt x="2684" y="972"/>
                  <a:pt x="2691" y="972"/>
                </a:cubicBezTo>
                <a:cubicBezTo>
                  <a:pt x="2698" y="972"/>
                  <a:pt x="2704" y="966"/>
                  <a:pt x="2704" y="959"/>
                </a:cubicBezTo>
                <a:cubicBezTo>
                  <a:pt x="2704" y="952"/>
                  <a:pt x="2698" y="946"/>
                  <a:pt x="2691" y="946"/>
                </a:cubicBezTo>
                <a:close/>
                <a:moveTo>
                  <a:pt x="2730" y="972"/>
                </a:moveTo>
                <a:cubicBezTo>
                  <a:pt x="2738" y="972"/>
                  <a:pt x="2743" y="966"/>
                  <a:pt x="2743" y="959"/>
                </a:cubicBezTo>
                <a:cubicBezTo>
                  <a:pt x="2743" y="952"/>
                  <a:pt x="2738" y="946"/>
                  <a:pt x="2730" y="946"/>
                </a:cubicBezTo>
                <a:cubicBezTo>
                  <a:pt x="2723" y="946"/>
                  <a:pt x="2718" y="952"/>
                  <a:pt x="2718" y="959"/>
                </a:cubicBezTo>
                <a:cubicBezTo>
                  <a:pt x="2718" y="966"/>
                  <a:pt x="2723" y="972"/>
                  <a:pt x="2730" y="972"/>
                </a:cubicBezTo>
                <a:close/>
                <a:moveTo>
                  <a:pt x="2770" y="972"/>
                </a:moveTo>
                <a:cubicBezTo>
                  <a:pt x="2777" y="972"/>
                  <a:pt x="2783" y="966"/>
                  <a:pt x="2783" y="959"/>
                </a:cubicBezTo>
                <a:cubicBezTo>
                  <a:pt x="2783" y="952"/>
                  <a:pt x="2777" y="946"/>
                  <a:pt x="2770" y="946"/>
                </a:cubicBezTo>
                <a:cubicBezTo>
                  <a:pt x="2763" y="946"/>
                  <a:pt x="2757" y="952"/>
                  <a:pt x="2757" y="959"/>
                </a:cubicBezTo>
                <a:cubicBezTo>
                  <a:pt x="2757" y="966"/>
                  <a:pt x="2763" y="972"/>
                  <a:pt x="2770" y="972"/>
                </a:cubicBezTo>
                <a:close/>
                <a:moveTo>
                  <a:pt x="2928" y="972"/>
                </a:moveTo>
                <a:cubicBezTo>
                  <a:pt x="2935" y="972"/>
                  <a:pt x="2940" y="966"/>
                  <a:pt x="2940" y="959"/>
                </a:cubicBezTo>
                <a:cubicBezTo>
                  <a:pt x="2940" y="952"/>
                  <a:pt x="2935" y="946"/>
                  <a:pt x="2928" y="946"/>
                </a:cubicBezTo>
                <a:cubicBezTo>
                  <a:pt x="2921" y="946"/>
                  <a:pt x="2915" y="952"/>
                  <a:pt x="2915" y="959"/>
                </a:cubicBezTo>
                <a:cubicBezTo>
                  <a:pt x="2915" y="966"/>
                  <a:pt x="2921" y="972"/>
                  <a:pt x="2928" y="972"/>
                </a:cubicBezTo>
                <a:close/>
                <a:moveTo>
                  <a:pt x="838" y="986"/>
                </a:moveTo>
                <a:cubicBezTo>
                  <a:pt x="831" y="986"/>
                  <a:pt x="825" y="991"/>
                  <a:pt x="825" y="998"/>
                </a:cubicBezTo>
                <a:cubicBezTo>
                  <a:pt x="825" y="1005"/>
                  <a:pt x="831" y="1011"/>
                  <a:pt x="838" y="1011"/>
                </a:cubicBezTo>
                <a:cubicBezTo>
                  <a:pt x="845" y="1011"/>
                  <a:pt x="851" y="1005"/>
                  <a:pt x="851" y="998"/>
                </a:cubicBezTo>
                <a:cubicBezTo>
                  <a:pt x="851" y="991"/>
                  <a:pt x="845" y="986"/>
                  <a:pt x="838" y="986"/>
                </a:cubicBezTo>
                <a:close/>
                <a:moveTo>
                  <a:pt x="1548" y="986"/>
                </a:moveTo>
                <a:cubicBezTo>
                  <a:pt x="1541" y="986"/>
                  <a:pt x="1535" y="991"/>
                  <a:pt x="1535" y="998"/>
                </a:cubicBezTo>
                <a:cubicBezTo>
                  <a:pt x="1535" y="1005"/>
                  <a:pt x="1541" y="1011"/>
                  <a:pt x="1548" y="1011"/>
                </a:cubicBezTo>
                <a:cubicBezTo>
                  <a:pt x="1555" y="1011"/>
                  <a:pt x="1561" y="1005"/>
                  <a:pt x="1561" y="998"/>
                </a:cubicBezTo>
                <a:cubicBezTo>
                  <a:pt x="1561" y="991"/>
                  <a:pt x="1555" y="986"/>
                  <a:pt x="1548" y="986"/>
                </a:cubicBezTo>
                <a:close/>
                <a:moveTo>
                  <a:pt x="1587" y="1011"/>
                </a:moveTo>
                <a:cubicBezTo>
                  <a:pt x="1594" y="1011"/>
                  <a:pt x="1600" y="1005"/>
                  <a:pt x="1600" y="998"/>
                </a:cubicBezTo>
                <a:cubicBezTo>
                  <a:pt x="1600" y="991"/>
                  <a:pt x="1594" y="986"/>
                  <a:pt x="1587" y="986"/>
                </a:cubicBezTo>
                <a:cubicBezTo>
                  <a:pt x="1580" y="986"/>
                  <a:pt x="1574" y="991"/>
                  <a:pt x="1574" y="998"/>
                </a:cubicBezTo>
                <a:cubicBezTo>
                  <a:pt x="1574" y="1005"/>
                  <a:pt x="1580" y="1011"/>
                  <a:pt x="1587" y="1011"/>
                </a:cubicBezTo>
                <a:close/>
                <a:moveTo>
                  <a:pt x="1627" y="1011"/>
                </a:moveTo>
                <a:cubicBezTo>
                  <a:pt x="1634" y="1011"/>
                  <a:pt x="1639" y="1005"/>
                  <a:pt x="1639" y="998"/>
                </a:cubicBezTo>
                <a:cubicBezTo>
                  <a:pt x="1639" y="991"/>
                  <a:pt x="1634" y="986"/>
                  <a:pt x="1627" y="986"/>
                </a:cubicBezTo>
                <a:cubicBezTo>
                  <a:pt x="1620" y="986"/>
                  <a:pt x="1614" y="991"/>
                  <a:pt x="1614" y="998"/>
                </a:cubicBezTo>
                <a:cubicBezTo>
                  <a:pt x="1614" y="1005"/>
                  <a:pt x="1620" y="1011"/>
                  <a:pt x="1627" y="1011"/>
                </a:cubicBezTo>
                <a:close/>
                <a:moveTo>
                  <a:pt x="1666" y="1011"/>
                </a:moveTo>
                <a:cubicBezTo>
                  <a:pt x="1673" y="1011"/>
                  <a:pt x="1679" y="1005"/>
                  <a:pt x="1679" y="998"/>
                </a:cubicBezTo>
                <a:cubicBezTo>
                  <a:pt x="1679" y="991"/>
                  <a:pt x="1673" y="986"/>
                  <a:pt x="1666" y="986"/>
                </a:cubicBezTo>
                <a:cubicBezTo>
                  <a:pt x="1659" y="986"/>
                  <a:pt x="1653" y="991"/>
                  <a:pt x="1653" y="998"/>
                </a:cubicBezTo>
                <a:cubicBezTo>
                  <a:pt x="1653" y="1005"/>
                  <a:pt x="1659" y="1011"/>
                  <a:pt x="1666" y="1011"/>
                </a:cubicBezTo>
                <a:close/>
                <a:moveTo>
                  <a:pt x="1705" y="1011"/>
                </a:moveTo>
                <a:cubicBezTo>
                  <a:pt x="1713" y="1011"/>
                  <a:pt x="1718" y="1005"/>
                  <a:pt x="1718" y="998"/>
                </a:cubicBezTo>
                <a:cubicBezTo>
                  <a:pt x="1718" y="991"/>
                  <a:pt x="1713" y="986"/>
                  <a:pt x="1705" y="986"/>
                </a:cubicBezTo>
                <a:cubicBezTo>
                  <a:pt x="1698" y="986"/>
                  <a:pt x="1693" y="991"/>
                  <a:pt x="1693" y="998"/>
                </a:cubicBezTo>
                <a:cubicBezTo>
                  <a:pt x="1693" y="1005"/>
                  <a:pt x="1698" y="1011"/>
                  <a:pt x="1705" y="1011"/>
                </a:cubicBezTo>
                <a:close/>
                <a:moveTo>
                  <a:pt x="1745" y="1011"/>
                </a:moveTo>
                <a:cubicBezTo>
                  <a:pt x="1752" y="1011"/>
                  <a:pt x="1758" y="1005"/>
                  <a:pt x="1758" y="998"/>
                </a:cubicBezTo>
                <a:cubicBezTo>
                  <a:pt x="1758" y="991"/>
                  <a:pt x="1752" y="986"/>
                  <a:pt x="1745" y="986"/>
                </a:cubicBezTo>
                <a:cubicBezTo>
                  <a:pt x="1738" y="986"/>
                  <a:pt x="1732" y="991"/>
                  <a:pt x="1732" y="998"/>
                </a:cubicBezTo>
                <a:cubicBezTo>
                  <a:pt x="1732" y="1005"/>
                  <a:pt x="1738" y="1011"/>
                  <a:pt x="1745" y="1011"/>
                </a:cubicBezTo>
                <a:close/>
                <a:moveTo>
                  <a:pt x="1784" y="1011"/>
                </a:moveTo>
                <a:cubicBezTo>
                  <a:pt x="1791" y="1011"/>
                  <a:pt x="1797" y="1005"/>
                  <a:pt x="1797" y="998"/>
                </a:cubicBezTo>
                <a:cubicBezTo>
                  <a:pt x="1797" y="991"/>
                  <a:pt x="1791" y="986"/>
                  <a:pt x="1784" y="986"/>
                </a:cubicBezTo>
                <a:cubicBezTo>
                  <a:pt x="1777" y="986"/>
                  <a:pt x="1772" y="991"/>
                  <a:pt x="1772" y="998"/>
                </a:cubicBezTo>
                <a:cubicBezTo>
                  <a:pt x="1772" y="1005"/>
                  <a:pt x="1777" y="1011"/>
                  <a:pt x="1784" y="1011"/>
                </a:cubicBezTo>
                <a:close/>
                <a:moveTo>
                  <a:pt x="1824" y="1011"/>
                </a:moveTo>
                <a:cubicBezTo>
                  <a:pt x="1831" y="1011"/>
                  <a:pt x="1836" y="1005"/>
                  <a:pt x="1836" y="998"/>
                </a:cubicBezTo>
                <a:cubicBezTo>
                  <a:pt x="1836" y="991"/>
                  <a:pt x="1831" y="986"/>
                  <a:pt x="1824" y="986"/>
                </a:cubicBezTo>
                <a:cubicBezTo>
                  <a:pt x="1817" y="986"/>
                  <a:pt x="1811" y="991"/>
                  <a:pt x="1811" y="998"/>
                </a:cubicBezTo>
                <a:cubicBezTo>
                  <a:pt x="1811" y="1005"/>
                  <a:pt x="1817" y="1011"/>
                  <a:pt x="1824" y="1011"/>
                </a:cubicBezTo>
                <a:close/>
                <a:moveTo>
                  <a:pt x="1863" y="1011"/>
                </a:moveTo>
                <a:cubicBezTo>
                  <a:pt x="1870" y="1011"/>
                  <a:pt x="1876" y="1005"/>
                  <a:pt x="1876" y="998"/>
                </a:cubicBezTo>
                <a:cubicBezTo>
                  <a:pt x="1876" y="991"/>
                  <a:pt x="1870" y="986"/>
                  <a:pt x="1863" y="986"/>
                </a:cubicBezTo>
                <a:cubicBezTo>
                  <a:pt x="1856" y="986"/>
                  <a:pt x="1850" y="991"/>
                  <a:pt x="1850" y="998"/>
                </a:cubicBezTo>
                <a:cubicBezTo>
                  <a:pt x="1850" y="1005"/>
                  <a:pt x="1856" y="1011"/>
                  <a:pt x="1863" y="1011"/>
                </a:cubicBezTo>
                <a:close/>
                <a:moveTo>
                  <a:pt x="1903" y="986"/>
                </a:moveTo>
                <a:cubicBezTo>
                  <a:pt x="1896" y="986"/>
                  <a:pt x="1890" y="991"/>
                  <a:pt x="1890" y="998"/>
                </a:cubicBezTo>
                <a:cubicBezTo>
                  <a:pt x="1890" y="1005"/>
                  <a:pt x="1896" y="1011"/>
                  <a:pt x="1903" y="1011"/>
                </a:cubicBezTo>
                <a:cubicBezTo>
                  <a:pt x="1910" y="1011"/>
                  <a:pt x="1915" y="1005"/>
                  <a:pt x="1915" y="998"/>
                </a:cubicBezTo>
                <a:cubicBezTo>
                  <a:pt x="1915" y="991"/>
                  <a:pt x="1910" y="986"/>
                  <a:pt x="1903" y="986"/>
                </a:cubicBezTo>
                <a:close/>
                <a:moveTo>
                  <a:pt x="1942" y="1011"/>
                </a:moveTo>
                <a:cubicBezTo>
                  <a:pt x="1949" y="1011"/>
                  <a:pt x="1955" y="1005"/>
                  <a:pt x="1955" y="998"/>
                </a:cubicBezTo>
                <a:cubicBezTo>
                  <a:pt x="1955" y="991"/>
                  <a:pt x="1949" y="986"/>
                  <a:pt x="1942" y="986"/>
                </a:cubicBezTo>
                <a:cubicBezTo>
                  <a:pt x="1935" y="986"/>
                  <a:pt x="1929" y="991"/>
                  <a:pt x="1929" y="998"/>
                </a:cubicBezTo>
                <a:cubicBezTo>
                  <a:pt x="1929" y="1005"/>
                  <a:pt x="1935" y="1011"/>
                  <a:pt x="1942" y="1011"/>
                </a:cubicBezTo>
                <a:close/>
                <a:moveTo>
                  <a:pt x="1981" y="1011"/>
                </a:moveTo>
                <a:cubicBezTo>
                  <a:pt x="1988" y="1011"/>
                  <a:pt x="1994" y="1005"/>
                  <a:pt x="1994" y="998"/>
                </a:cubicBezTo>
                <a:cubicBezTo>
                  <a:pt x="1994" y="991"/>
                  <a:pt x="1988" y="986"/>
                  <a:pt x="1981" y="986"/>
                </a:cubicBezTo>
                <a:cubicBezTo>
                  <a:pt x="1974" y="986"/>
                  <a:pt x="1969" y="991"/>
                  <a:pt x="1969" y="998"/>
                </a:cubicBezTo>
                <a:cubicBezTo>
                  <a:pt x="1969" y="1005"/>
                  <a:pt x="1974" y="1011"/>
                  <a:pt x="1981" y="1011"/>
                </a:cubicBezTo>
                <a:close/>
                <a:moveTo>
                  <a:pt x="2008" y="998"/>
                </a:moveTo>
                <a:cubicBezTo>
                  <a:pt x="2008" y="1005"/>
                  <a:pt x="2014" y="1011"/>
                  <a:pt x="2021" y="1011"/>
                </a:cubicBezTo>
                <a:cubicBezTo>
                  <a:pt x="2028" y="1011"/>
                  <a:pt x="2034" y="1005"/>
                  <a:pt x="2034" y="998"/>
                </a:cubicBezTo>
                <a:cubicBezTo>
                  <a:pt x="2034" y="991"/>
                  <a:pt x="2028" y="986"/>
                  <a:pt x="2021" y="986"/>
                </a:cubicBezTo>
                <a:cubicBezTo>
                  <a:pt x="2014" y="986"/>
                  <a:pt x="2008" y="991"/>
                  <a:pt x="2008" y="998"/>
                </a:cubicBezTo>
                <a:close/>
                <a:moveTo>
                  <a:pt x="2060" y="1011"/>
                </a:moveTo>
                <a:cubicBezTo>
                  <a:pt x="2067" y="1011"/>
                  <a:pt x="2073" y="1005"/>
                  <a:pt x="2073" y="998"/>
                </a:cubicBezTo>
                <a:cubicBezTo>
                  <a:pt x="2073" y="991"/>
                  <a:pt x="2067" y="986"/>
                  <a:pt x="2060" y="986"/>
                </a:cubicBezTo>
                <a:cubicBezTo>
                  <a:pt x="2053" y="986"/>
                  <a:pt x="2048" y="991"/>
                  <a:pt x="2048" y="998"/>
                </a:cubicBezTo>
                <a:cubicBezTo>
                  <a:pt x="2048" y="1005"/>
                  <a:pt x="2053" y="1011"/>
                  <a:pt x="2060" y="1011"/>
                </a:cubicBezTo>
                <a:close/>
                <a:moveTo>
                  <a:pt x="2100" y="1011"/>
                </a:moveTo>
                <a:cubicBezTo>
                  <a:pt x="2107" y="1011"/>
                  <a:pt x="2112" y="1005"/>
                  <a:pt x="2112" y="998"/>
                </a:cubicBezTo>
                <a:cubicBezTo>
                  <a:pt x="2112" y="991"/>
                  <a:pt x="2107" y="986"/>
                  <a:pt x="2100" y="986"/>
                </a:cubicBezTo>
                <a:cubicBezTo>
                  <a:pt x="2093" y="986"/>
                  <a:pt x="2087" y="991"/>
                  <a:pt x="2087" y="998"/>
                </a:cubicBezTo>
                <a:cubicBezTo>
                  <a:pt x="2087" y="1005"/>
                  <a:pt x="2093" y="1011"/>
                  <a:pt x="2100" y="1011"/>
                </a:cubicBezTo>
                <a:close/>
                <a:moveTo>
                  <a:pt x="2139" y="1011"/>
                </a:moveTo>
                <a:cubicBezTo>
                  <a:pt x="2146" y="1011"/>
                  <a:pt x="2152" y="1005"/>
                  <a:pt x="2152" y="998"/>
                </a:cubicBezTo>
                <a:cubicBezTo>
                  <a:pt x="2152" y="991"/>
                  <a:pt x="2146" y="986"/>
                  <a:pt x="2139" y="986"/>
                </a:cubicBezTo>
                <a:cubicBezTo>
                  <a:pt x="2132" y="986"/>
                  <a:pt x="2126" y="991"/>
                  <a:pt x="2126" y="998"/>
                </a:cubicBezTo>
                <a:cubicBezTo>
                  <a:pt x="2126" y="1005"/>
                  <a:pt x="2132" y="1011"/>
                  <a:pt x="2139" y="1011"/>
                </a:cubicBezTo>
                <a:close/>
                <a:moveTo>
                  <a:pt x="2455" y="993"/>
                </a:moveTo>
                <a:cubicBezTo>
                  <a:pt x="2452" y="993"/>
                  <a:pt x="2449" y="995"/>
                  <a:pt x="2449" y="998"/>
                </a:cubicBezTo>
                <a:cubicBezTo>
                  <a:pt x="2449" y="1001"/>
                  <a:pt x="2452" y="1003"/>
                  <a:pt x="2455" y="1003"/>
                </a:cubicBezTo>
                <a:cubicBezTo>
                  <a:pt x="2457" y="1003"/>
                  <a:pt x="2460" y="1001"/>
                  <a:pt x="2460" y="998"/>
                </a:cubicBezTo>
                <a:cubicBezTo>
                  <a:pt x="2460" y="995"/>
                  <a:pt x="2457" y="993"/>
                  <a:pt x="2455" y="993"/>
                </a:cubicBezTo>
                <a:close/>
                <a:moveTo>
                  <a:pt x="2494" y="986"/>
                </a:moveTo>
                <a:cubicBezTo>
                  <a:pt x="2487" y="986"/>
                  <a:pt x="2481" y="991"/>
                  <a:pt x="2481" y="998"/>
                </a:cubicBezTo>
                <a:cubicBezTo>
                  <a:pt x="2481" y="1005"/>
                  <a:pt x="2487" y="1011"/>
                  <a:pt x="2494" y="1011"/>
                </a:cubicBezTo>
                <a:cubicBezTo>
                  <a:pt x="2501" y="1011"/>
                  <a:pt x="2507" y="1005"/>
                  <a:pt x="2507" y="998"/>
                </a:cubicBezTo>
                <a:cubicBezTo>
                  <a:pt x="2507" y="991"/>
                  <a:pt x="2501" y="986"/>
                  <a:pt x="2494" y="986"/>
                </a:cubicBezTo>
                <a:close/>
                <a:moveTo>
                  <a:pt x="2730" y="1011"/>
                </a:moveTo>
                <a:cubicBezTo>
                  <a:pt x="2738" y="1011"/>
                  <a:pt x="2743" y="1005"/>
                  <a:pt x="2743" y="998"/>
                </a:cubicBezTo>
                <a:cubicBezTo>
                  <a:pt x="2743" y="991"/>
                  <a:pt x="2738" y="986"/>
                  <a:pt x="2730" y="986"/>
                </a:cubicBezTo>
                <a:cubicBezTo>
                  <a:pt x="2723" y="986"/>
                  <a:pt x="2718" y="991"/>
                  <a:pt x="2718" y="998"/>
                </a:cubicBezTo>
                <a:cubicBezTo>
                  <a:pt x="2718" y="1005"/>
                  <a:pt x="2723" y="1011"/>
                  <a:pt x="2730" y="1011"/>
                </a:cubicBezTo>
                <a:close/>
                <a:moveTo>
                  <a:pt x="2770" y="1011"/>
                </a:moveTo>
                <a:cubicBezTo>
                  <a:pt x="2777" y="1011"/>
                  <a:pt x="2783" y="1005"/>
                  <a:pt x="2783" y="998"/>
                </a:cubicBezTo>
                <a:cubicBezTo>
                  <a:pt x="2783" y="991"/>
                  <a:pt x="2777" y="986"/>
                  <a:pt x="2770" y="986"/>
                </a:cubicBezTo>
                <a:cubicBezTo>
                  <a:pt x="2763" y="986"/>
                  <a:pt x="2757" y="991"/>
                  <a:pt x="2757" y="998"/>
                </a:cubicBezTo>
                <a:cubicBezTo>
                  <a:pt x="2757" y="1005"/>
                  <a:pt x="2763" y="1011"/>
                  <a:pt x="2770" y="1011"/>
                </a:cubicBezTo>
                <a:close/>
                <a:moveTo>
                  <a:pt x="2940" y="998"/>
                </a:moveTo>
                <a:cubicBezTo>
                  <a:pt x="2940" y="991"/>
                  <a:pt x="2935" y="986"/>
                  <a:pt x="2928" y="986"/>
                </a:cubicBezTo>
                <a:cubicBezTo>
                  <a:pt x="2921" y="986"/>
                  <a:pt x="2915" y="991"/>
                  <a:pt x="2915" y="998"/>
                </a:cubicBezTo>
                <a:cubicBezTo>
                  <a:pt x="2915" y="1005"/>
                  <a:pt x="2921" y="1011"/>
                  <a:pt x="2928" y="1011"/>
                </a:cubicBezTo>
                <a:cubicBezTo>
                  <a:pt x="2935" y="1011"/>
                  <a:pt x="2940" y="1005"/>
                  <a:pt x="2940" y="998"/>
                </a:cubicBezTo>
                <a:close/>
                <a:moveTo>
                  <a:pt x="878" y="1029"/>
                </a:moveTo>
                <a:cubicBezTo>
                  <a:pt x="873" y="1029"/>
                  <a:pt x="869" y="1033"/>
                  <a:pt x="869" y="1038"/>
                </a:cubicBezTo>
                <a:cubicBezTo>
                  <a:pt x="869" y="1042"/>
                  <a:pt x="873" y="1046"/>
                  <a:pt x="878" y="1046"/>
                </a:cubicBezTo>
                <a:cubicBezTo>
                  <a:pt x="882" y="1046"/>
                  <a:pt x="886" y="1042"/>
                  <a:pt x="886" y="1038"/>
                </a:cubicBezTo>
                <a:cubicBezTo>
                  <a:pt x="886" y="1033"/>
                  <a:pt x="882" y="1029"/>
                  <a:pt x="878" y="1029"/>
                </a:cubicBezTo>
                <a:close/>
                <a:moveTo>
                  <a:pt x="944" y="1038"/>
                </a:moveTo>
                <a:cubicBezTo>
                  <a:pt x="944" y="1045"/>
                  <a:pt x="949" y="1050"/>
                  <a:pt x="956" y="1050"/>
                </a:cubicBezTo>
                <a:cubicBezTo>
                  <a:pt x="963" y="1050"/>
                  <a:pt x="969" y="1045"/>
                  <a:pt x="969" y="1038"/>
                </a:cubicBezTo>
                <a:cubicBezTo>
                  <a:pt x="969" y="1031"/>
                  <a:pt x="963" y="1025"/>
                  <a:pt x="956" y="1025"/>
                </a:cubicBezTo>
                <a:cubicBezTo>
                  <a:pt x="949" y="1025"/>
                  <a:pt x="944" y="1031"/>
                  <a:pt x="944" y="1038"/>
                </a:cubicBezTo>
                <a:close/>
                <a:moveTo>
                  <a:pt x="996" y="1025"/>
                </a:moveTo>
                <a:cubicBezTo>
                  <a:pt x="989" y="1025"/>
                  <a:pt x="983" y="1031"/>
                  <a:pt x="983" y="1038"/>
                </a:cubicBezTo>
                <a:cubicBezTo>
                  <a:pt x="983" y="1045"/>
                  <a:pt x="989" y="1050"/>
                  <a:pt x="996" y="1050"/>
                </a:cubicBezTo>
                <a:cubicBezTo>
                  <a:pt x="1003" y="1050"/>
                  <a:pt x="1009" y="1045"/>
                  <a:pt x="1009" y="1038"/>
                </a:cubicBezTo>
                <a:cubicBezTo>
                  <a:pt x="1009" y="1031"/>
                  <a:pt x="1003" y="1025"/>
                  <a:pt x="996" y="1025"/>
                </a:cubicBezTo>
                <a:close/>
                <a:moveTo>
                  <a:pt x="1035" y="1025"/>
                </a:moveTo>
                <a:cubicBezTo>
                  <a:pt x="1028" y="1025"/>
                  <a:pt x="1023" y="1031"/>
                  <a:pt x="1023" y="1038"/>
                </a:cubicBezTo>
                <a:cubicBezTo>
                  <a:pt x="1023" y="1045"/>
                  <a:pt x="1028" y="1050"/>
                  <a:pt x="1035" y="1050"/>
                </a:cubicBezTo>
                <a:cubicBezTo>
                  <a:pt x="1042" y="1050"/>
                  <a:pt x="1048" y="1045"/>
                  <a:pt x="1048" y="1038"/>
                </a:cubicBezTo>
                <a:cubicBezTo>
                  <a:pt x="1048" y="1031"/>
                  <a:pt x="1042" y="1025"/>
                  <a:pt x="1035" y="1025"/>
                </a:cubicBezTo>
                <a:close/>
                <a:moveTo>
                  <a:pt x="1075" y="1050"/>
                </a:moveTo>
                <a:cubicBezTo>
                  <a:pt x="1082" y="1050"/>
                  <a:pt x="1087" y="1045"/>
                  <a:pt x="1087" y="1038"/>
                </a:cubicBezTo>
                <a:cubicBezTo>
                  <a:pt x="1087" y="1031"/>
                  <a:pt x="1082" y="1025"/>
                  <a:pt x="1075" y="1025"/>
                </a:cubicBezTo>
                <a:cubicBezTo>
                  <a:pt x="1068" y="1025"/>
                  <a:pt x="1062" y="1031"/>
                  <a:pt x="1062" y="1038"/>
                </a:cubicBezTo>
                <a:cubicBezTo>
                  <a:pt x="1062" y="1045"/>
                  <a:pt x="1068" y="1050"/>
                  <a:pt x="1075" y="1050"/>
                </a:cubicBezTo>
                <a:close/>
                <a:moveTo>
                  <a:pt x="1587" y="1025"/>
                </a:moveTo>
                <a:cubicBezTo>
                  <a:pt x="1580" y="1025"/>
                  <a:pt x="1574" y="1031"/>
                  <a:pt x="1574" y="1038"/>
                </a:cubicBezTo>
                <a:cubicBezTo>
                  <a:pt x="1574" y="1045"/>
                  <a:pt x="1580" y="1050"/>
                  <a:pt x="1587" y="1050"/>
                </a:cubicBezTo>
                <a:cubicBezTo>
                  <a:pt x="1594" y="1050"/>
                  <a:pt x="1600" y="1045"/>
                  <a:pt x="1600" y="1038"/>
                </a:cubicBezTo>
                <a:cubicBezTo>
                  <a:pt x="1600" y="1031"/>
                  <a:pt x="1594" y="1025"/>
                  <a:pt x="1587" y="1025"/>
                </a:cubicBezTo>
                <a:close/>
                <a:moveTo>
                  <a:pt x="1627" y="1025"/>
                </a:moveTo>
                <a:cubicBezTo>
                  <a:pt x="1620" y="1025"/>
                  <a:pt x="1614" y="1031"/>
                  <a:pt x="1614" y="1038"/>
                </a:cubicBezTo>
                <a:cubicBezTo>
                  <a:pt x="1614" y="1045"/>
                  <a:pt x="1620" y="1050"/>
                  <a:pt x="1627" y="1050"/>
                </a:cubicBezTo>
                <a:cubicBezTo>
                  <a:pt x="1634" y="1050"/>
                  <a:pt x="1639" y="1045"/>
                  <a:pt x="1639" y="1038"/>
                </a:cubicBezTo>
                <a:cubicBezTo>
                  <a:pt x="1639" y="1031"/>
                  <a:pt x="1634" y="1025"/>
                  <a:pt x="1627" y="1025"/>
                </a:cubicBezTo>
                <a:close/>
                <a:moveTo>
                  <a:pt x="1666" y="1025"/>
                </a:moveTo>
                <a:cubicBezTo>
                  <a:pt x="1659" y="1025"/>
                  <a:pt x="1653" y="1031"/>
                  <a:pt x="1653" y="1038"/>
                </a:cubicBezTo>
                <a:cubicBezTo>
                  <a:pt x="1653" y="1045"/>
                  <a:pt x="1659" y="1050"/>
                  <a:pt x="1666" y="1050"/>
                </a:cubicBezTo>
                <a:cubicBezTo>
                  <a:pt x="1673" y="1050"/>
                  <a:pt x="1679" y="1045"/>
                  <a:pt x="1679" y="1038"/>
                </a:cubicBezTo>
                <a:cubicBezTo>
                  <a:pt x="1679" y="1031"/>
                  <a:pt x="1673" y="1025"/>
                  <a:pt x="1666" y="1025"/>
                </a:cubicBezTo>
                <a:close/>
                <a:moveTo>
                  <a:pt x="1705" y="1025"/>
                </a:moveTo>
                <a:cubicBezTo>
                  <a:pt x="1698" y="1025"/>
                  <a:pt x="1693" y="1031"/>
                  <a:pt x="1693" y="1038"/>
                </a:cubicBezTo>
                <a:cubicBezTo>
                  <a:pt x="1693" y="1045"/>
                  <a:pt x="1698" y="1050"/>
                  <a:pt x="1705" y="1050"/>
                </a:cubicBezTo>
                <a:cubicBezTo>
                  <a:pt x="1713" y="1050"/>
                  <a:pt x="1718" y="1045"/>
                  <a:pt x="1718" y="1038"/>
                </a:cubicBezTo>
                <a:cubicBezTo>
                  <a:pt x="1718" y="1031"/>
                  <a:pt x="1713" y="1025"/>
                  <a:pt x="1705" y="1025"/>
                </a:cubicBezTo>
                <a:close/>
                <a:moveTo>
                  <a:pt x="1745" y="1025"/>
                </a:moveTo>
                <a:cubicBezTo>
                  <a:pt x="1738" y="1025"/>
                  <a:pt x="1732" y="1031"/>
                  <a:pt x="1732" y="1038"/>
                </a:cubicBezTo>
                <a:cubicBezTo>
                  <a:pt x="1732" y="1045"/>
                  <a:pt x="1738" y="1050"/>
                  <a:pt x="1745" y="1050"/>
                </a:cubicBezTo>
                <a:cubicBezTo>
                  <a:pt x="1752" y="1050"/>
                  <a:pt x="1758" y="1045"/>
                  <a:pt x="1758" y="1038"/>
                </a:cubicBezTo>
                <a:cubicBezTo>
                  <a:pt x="1758" y="1031"/>
                  <a:pt x="1752" y="1025"/>
                  <a:pt x="1745" y="1025"/>
                </a:cubicBezTo>
                <a:close/>
                <a:moveTo>
                  <a:pt x="1784" y="1025"/>
                </a:moveTo>
                <a:cubicBezTo>
                  <a:pt x="1777" y="1025"/>
                  <a:pt x="1772" y="1031"/>
                  <a:pt x="1772" y="1038"/>
                </a:cubicBezTo>
                <a:cubicBezTo>
                  <a:pt x="1772" y="1045"/>
                  <a:pt x="1777" y="1050"/>
                  <a:pt x="1784" y="1050"/>
                </a:cubicBezTo>
                <a:cubicBezTo>
                  <a:pt x="1791" y="1050"/>
                  <a:pt x="1797" y="1045"/>
                  <a:pt x="1797" y="1038"/>
                </a:cubicBezTo>
                <a:cubicBezTo>
                  <a:pt x="1797" y="1031"/>
                  <a:pt x="1791" y="1025"/>
                  <a:pt x="1784" y="1025"/>
                </a:cubicBezTo>
                <a:close/>
                <a:moveTo>
                  <a:pt x="1824" y="1050"/>
                </a:moveTo>
                <a:cubicBezTo>
                  <a:pt x="1831" y="1050"/>
                  <a:pt x="1836" y="1045"/>
                  <a:pt x="1836" y="1038"/>
                </a:cubicBezTo>
                <a:cubicBezTo>
                  <a:pt x="1836" y="1031"/>
                  <a:pt x="1831" y="1025"/>
                  <a:pt x="1824" y="1025"/>
                </a:cubicBezTo>
                <a:cubicBezTo>
                  <a:pt x="1817" y="1025"/>
                  <a:pt x="1811" y="1031"/>
                  <a:pt x="1811" y="1038"/>
                </a:cubicBezTo>
                <a:cubicBezTo>
                  <a:pt x="1811" y="1045"/>
                  <a:pt x="1817" y="1050"/>
                  <a:pt x="1824" y="1050"/>
                </a:cubicBezTo>
                <a:close/>
                <a:moveTo>
                  <a:pt x="1863" y="1025"/>
                </a:moveTo>
                <a:cubicBezTo>
                  <a:pt x="1856" y="1025"/>
                  <a:pt x="1850" y="1031"/>
                  <a:pt x="1850" y="1038"/>
                </a:cubicBezTo>
                <a:cubicBezTo>
                  <a:pt x="1850" y="1045"/>
                  <a:pt x="1856" y="1050"/>
                  <a:pt x="1863" y="1050"/>
                </a:cubicBezTo>
                <a:cubicBezTo>
                  <a:pt x="1870" y="1050"/>
                  <a:pt x="1876" y="1045"/>
                  <a:pt x="1876" y="1038"/>
                </a:cubicBezTo>
                <a:cubicBezTo>
                  <a:pt x="1876" y="1031"/>
                  <a:pt x="1870" y="1025"/>
                  <a:pt x="1863" y="1025"/>
                </a:cubicBezTo>
                <a:close/>
                <a:moveTo>
                  <a:pt x="1903" y="1025"/>
                </a:moveTo>
                <a:cubicBezTo>
                  <a:pt x="1896" y="1025"/>
                  <a:pt x="1890" y="1031"/>
                  <a:pt x="1890" y="1038"/>
                </a:cubicBezTo>
                <a:cubicBezTo>
                  <a:pt x="1890" y="1045"/>
                  <a:pt x="1896" y="1050"/>
                  <a:pt x="1903" y="1050"/>
                </a:cubicBezTo>
                <a:cubicBezTo>
                  <a:pt x="1910" y="1050"/>
                  <a:pt x="1915" y="1045"/>
                  <a:pt x="1915" y="1038"/>
                </a:cubicBezTo>
                <a:cubicBezTo>
                  <a:pt x="1915" y="1031"/>
                  <a:pt x="1910" y="1025"/>
                  <a:pt x="1903" y="1025"/>
                </a:cubicBezTo>
                <a:close/>
                <a:moveTo>
                  <a:pt x="1942" y="1050"/>
                </a:moveTo>
                <a:cubicBezTo>
                  <a:pt x="1949" y="1050"/>
                  <a:pt x="1955" y="1045"/>
                  <a:pt x="1955" y="1038"/>
                </a:cubicBezTo>
                <a:cubicBezTo>
                  <a:pt x="1955" y="1031"/>
                  <a:pt x="1949" y="1025"/>
                  <a:pt x="1942" y="1025"/>
                </a:cubicBezTo>
                <a:cubicBezTo>
                  <a:pt x="1935" y="1025"/>
                  <a:pt x="1929" y="1031"/>
                  <a:pt x="1929" y="1038"/>
                </a:cubicBezTo>
                <a:cubicBezTo>
                  <a:pt x="1929" y="1045"/>
                  <a:pt x="1935" y="1050"/>
                  <a:pt x="1942" y="1050"/>
                </a:cubicBezTo>
                <a:close/>
                <a:moveTo>
                  <a:pt x="1981" y="1025"/>
                </a:moveTo>
                <a:cubicBezTo>
                  <a:pt x="1974" y="1025"/>
                  <a:pt x="1969" y="1031"/>
                  <a:pt x="1969" y="1038"/>
                </a:cubicBezTo>
                <a:cubicBezTo>
                  <a:pt x="1969" y="1045"/>
                  <a:pt x="1974" y="1050"/>
                  <a:pt x="1981" y="1050"/>
                </a:cubicBezTo>
                <a:cubicBezTo>
                  <a:pt x="1988" y="1050"/>
                  <a:pt x="1994" y="1045"/>
                  <a:pt x="1994" y="1038"/>
                </a:cubicBezTo>
                <a:cubicBezTo>
                  <a:pt x="1994" y="1031"/>
                  <a:pt x="1988" y="1025"/>
                  <a:pt x="1981" y="1025"/>
                </a:cubicBezTo>
                <a:close/>
                <a:moveTo>
                  <a:pt x="2021" y="1050"/>
                </a:moveTo>
                <a:cubicBezTo>
                  <a:pt x="2028" y="1050"/>
                  <a:pt x="2034" y="1045"/>
                  <a:pt x="2034" y="1038"/>
                </a:cubicBezTo>
                <a:cubicBezTo>
                  <a:pt x="2034" y="1031"/>
                  <a:pt x="2028" y="1025"/>
                  <a:pt x="2021" y="1025"/>
                </a:cubicBezTo>
                <a:cubicBezTo>
                  <a:pt x="2014" y="1025"/>
                  <a:pt x="2008" y="1031"/>
                  <a:pt x="2008" y="1038"/>
                </a:cubicBezTo>
                <a:cubicBezTo>
                  <a:pt x="2008" y="1045"/>
                  <a:pt x="2014" y="1050"/>
                  <a:pt x="2021" y="1050"/>
                </a:cubicBezTo>
                <a:close/>
                <a:moveTo>
                  <a:pt x="2060" y="1050"/>
                </a:moveTo>
                <a:cubicBezTo>
                  <a:pt x="2067" y="1050"/>
                  <a:pt x="2073" y="1045"/>
                  <a:pt x="2073" y="1038"/>
                </a:cubicBezTo>
                <a:cubicBezTo>
                  <a:pt x="2073" y="1031"/>
                  <a:pt x="2067" y="1025"/>
                  <a:pt x="2060" y="1025"/>
                </a:cubicBezTo>
                <a:cubicBezTo>
                  <a:pt x="2053" y="1025"/>
                  <a:pt x="2048" y="1031"/>
                  <a:pt x="2048" y="1038"/>
                </a:cubicBezTo>
                <a:cubicBezTo>
                  <a:pt x="2048" y="1045"/>
                  <a:pt x="2053" y="1050"/>
                  <a:pt x="2060" y="1050"/>
                </a:cubicBezTo>
                <a:close/>
                <a:moveTo>
                  <a:pt x="2100" y="1025"/>
                </a:moveTo>
                <a:cubicBezTo>
                  <a:pt x="2093" y="1025"/>
                  <a:pt x="2087" y="1031"/>
                  <a:pt x="2087" y="1038"/>
                </a:cubicBezTo>
                <a:cubicBezTo>
                  <a:pt x="2087" y="1045"/>
                  <a:pt x="2093" y="1050"/>
                  <a:pt x="2100" y="1050"/>
                </a:cubicBezTo>
                <a:cubicBezTo>
                  <a:pt x="2107" y="1050"/>
                  <a:pt x="2112" y="1045"/>
                  <a:pt x="2112" y="1038"/>
                </a:cubicBezTo>
                <a:cubicBezTo>
                  <a:pt x="2112" y="1031"/>
                  <a:pt x="2107" y="1025"/>
                  <a:pt x="2100" y="1025"/>
                </a:cubicBezTo>
                <a:close/>
                <a:moveTo>
                  <a:pt x="2139" y="1050"/>
                </a:moveTo>
                <a:cubicBezTo>
                  <a:pt x="2146" y="1050"/>
                  <a:pt x="2152" y="1045"/>
                  <a:pt x="2152" y="1038"/>
                </a:cubicBezTo>
                <a:cubicBezTo>
                  <a:pt x="2152" y="1031"/>
                  <a:pt x="2146" y="1025"/>
                  <a:pt x="2139" y="1025"/>
                </a:cubicBezTo>
                <a:cubicBezTo>
                  <a:pt x="2132" y="1025"/>
                  <a:pt x="2126" y="1031"/>
                  <a:pt x="2126" y="1038"/>
                </a:cubicBezTo>
                <a:cubicBezTo>
                  <a:pt x="2126" y="1045"/>
                  <a:pt x="2132" y="1050"/>
                  <a:pt x="2139" y="1050"/>
                </a:cubicBezTo>
                <a:close/>
                <a:moveTo>
                  <a:pt x="2179" y="1050"/>
                </a:moveTo>
                <a:cubicBezTo>
                  <a:pt x="2186" y="1050"/>
                  <a:pt x="2191" y="1045"/>
                  <a:pt x="2191" y="1038"/>
                </a:cubicBezTo>
                <a:cubicBezTo>
                  <a:pt x="2191" y="1031"/>
                  <a:pt x="2186" y="1025"/>
                  <a:pt x="2179" y="1025"/>
                </a:cubicBezTo>
                <a:cubicBezTo>
                  <a:pt x="2172" y="1025"/>
                  <a:pt x="2166" y="1031"/>
                  <a:pt x="2166" y="1038"/>
                </a:cubicBezTo>
                <a:cubicBezTo>
                  <a:pt x="2166" y="1045"/>
                  <a:pt x="2172" y="1050"/>
                  <a:pt x="2179" y="1050"/>
                </a:cubicBezTo>
                <a:close/>
                <a:moveTo>
                  <a:pt x="2977" y="1038"/>
                </a:moveTo>
                <a:cubicBezTo>
                  <a:pt x="2977" y="1032"/>
                  <a:pt x="2973" y="1028"/>
                  <a:pt x="2967" y="1028"/>
                </a:cubicBezTo>
                <a:cubicBezTo>
                  <a:pt x="2962" y="1028"/>
                  <a:pt x="2957" y="1032"/>
                  <a:pt x="2957" y="1038"/>
                </a:cubicBezTo>
                <a:cubicBezTo>
                  <a:pt x="2957" y="1043"/>
                  <a:pt x="2962" y="1048"/>
                  <a:pt x="2967" y="1048"/>
                </a:cubicBezTo>
                <a:cubicBezTo>
                  <a:pt x="2973" y="1048"/>
                  <a:pt x="2977" y="1043"/>
                  <a:pt x="2977" y="1038"/>
                </a:cubicBezTo>
                <a:close/>
                <a:moveTo>
                  <a:pt x="917" y="1090"/>
                </a:moveTo>
                <a:cubicBezTo>
                  <a:pt x="924" y="1090"/>
                  <a:pt x="930" y="1084"/>
                  <a:pt x="930" y="1077"/>
                </a:cubicBezTo>
                <a:cubicBezTo>
                  <a:pt x="930" y="1070"/>
                  <a:pt x="924" y="1064"/>
                  <a:pt x="917" y="1064"/>
                </a:cubicBezTo>
                <a:cubicBezTo>
                  <a:pt x="910" y="1064"/>
                  <a:pt x="904" y="1070"/>
                  <a:pt x="904" y="1077"/>
                </a:cubicBezTo>
                <a:cubicBezTo>
                  <a:pt x="904" y="1084"/>
                  <a:pt x="910" y="1090"/>
                  <a:pt x="917" y="1090"/>
                </a:cubicBezTo>
                <a:close/>
                <a:moveTo>
                  <a:pt x="956" y="1090"/>
                </a:moveTo>
                <a:cubicBezTo>
                  <a:pt x="963" y="1090"/>
                  <a:pt x="969" y="1084"/>
                  <a:pt x="969" y="1077"/>
                </a:cubicBezTo>
                <a:cubicBezTo>
                  <a:pt x="969" y="1070"/>
                  <a:pt x="963" y="1064"/>
                  <a:pt x="956" y="1064"/>
                </a:cubicBezTo>
                <a:cubicBezTo>
                  <a:pt x="949" y="1064"/>
                  <a:pt x="944" y="1070"/>
                  <a:pt x="944" y="1077"/>
                </a:cubicBezTo>
                <a:cubicBezTo>
                  <a:pt x="944" y="1084"/>
                  <a:pt x="949" y="1090"/>
                  <a:pt x="956" y="1090"/>
                </a:cubicBezTo>
                <a:close/>
                <a:moveTo>
                  <a:pt x="996" y="1090"/>
                </a:moveTo>
                <a:cubicBezTo>
                  <a:pt x="1003" y="1090"/>
                  <a:pt x="1009" y="1084"/>
                  <a:pt x="1009" y="1077"/>
                </a:cubicBezTo>
                <a:cubicBezTo>
                  <a:pt x="1009" y="1070"/>
                  <a:pt x="1003" y="1064"/>
                  <a:pt x="996" y="1064"/>
                </a:cubicBezTo>
                <a:cubicBezTo>
                  <a:pt x="989" y="1064"/>
                  <a:pt x="983" y="1070"/>
                  <a:pt x="983" y="1077"/>
                </a:cubicBezTo>
                <a:cubicBezTo>
                  <a:pt x="983" y="1084"/>
                  <a:pt x="989" y="1090"/>
                  <a:pt x="996" y="1090"/>
                </a:cubicBezTo>
                <a:close/>
                <a:moveTo>
                  <a:pt x="1035" y="1090"/>
                </a:moveTo>
                <a:cubicBezTo>
                  <a:pt x="1042" y="1090"/>
                  <a:pt x="1048" y="1084"/>
                  <a:pt x="1048" y="1077"/>
                </a:cubicBezTo>
                <a:cubicBezTo>
                  <a:pt x="1048" y="1070"/>
                  <a:pt x="1042" y="1064"/>
                  <a:pt x="1035" y="1064"/>
                </a:cubicBezTo>
                <a:cubicBezTo>
                  <a:pt x="1028" y="1064"/>
                  <a:pt x="1023" y="1070"/>
                  <a:pt x="1023" y="1077"/>
                </a:cubicBezTo>
                <a:cubicBezTo>
                  <a:pt x="1023" y="1084"/>
                  <a:pt x="1028" y="1090"/>
                  <a:pt x="1035" y="1090"/>
                </a:cubicBezTo>
                <a:close/>
                <a:moveTo>
                  <a:pt x="1075" y="1090"/>
                </a:moveTo>
                <a:cubicBezTo>
                  <a:pt x="1082" y="1090"/>
                  <a:pt x="1087" y="1084"/>
                  <a:pt x="1087" y="1077"/>
                </a:cubicBezTo>
                <a:cubicBezTo>
                  <a:pt x="1087" y="1070"/>
                  <a:pt x="1082" y="1064"/>
                  <a:pt x="1075" y="1064"/>
                </a:cubicBezTo>
                <a:cubicBezTo>
                  <a:pt x="1068" y="1064"/>
                  <a:pt x="1062" y="1070"/>
                  <a:pt x="1062" y="1077"/>
                </a:cubicBezTo>
                <a:cubicBezTo>
                  <a:pt x="1062" y="1084"/>
                  <a:pt x="1068" y="1090"/>
                  <a:pt x="1075" y="1090"/>
                </a:cubicBezTo>
                <a:close/>
                <a:moveTo>
                  <a:pt x="1114" y="1090"/>
                </a:moveTo>
                <a:cubicBezTo>
                  <a:pt x="1121" y="1090"/>
                  <a:pt x="1127" y="1084"/>
                  <a:pt x="1127" y="1077"/>
                </a:cubicBezTo>
                <a:cubicBezTo>
                  <a:pt x="1127" y="1070"/>
                  <a:pt x="1121" y="1064"/>
                  <a:pt x="1114" y="1064"/>
                </a:cubicBezTo>
                <a:cubicBezTo>
                  <a:pt x="1107" y="1064"/>
                  <a:pt x="1101" y="1070"/>
                  <a:pt x="1101" y="1077"/>
                </a:cubicBezTo>
                <a:cubicBezTo>
                  <a:pt x="1101" y="1084"/>
                  <a:pt x="1107" y="1090"/>
                  <a:pt x="1114" y="1090"/>
                </a:cubicBezTo>
                <a:close/>
                <a:moveTo>
                  <a:pt x="1154" y="1090"/>
                </a:moveTo>
                <a:cubicBezTo>
                  <a:pt x="1161" y="1090"/>
                  <a:pt x="1166" y="1084"/>
                  <a:pt x="1166" y="1077"/>
                </a:cubicBezTo>
                <a:cubicBezTo>
                  <a:pt x="1166" y="1070"/>
                  <a:pt x="1161" y="1064"/>
                  <a:pt x="1154" y="1064"/>
                </a:cubicBezTo>
                <a:cubicBezTo>
                  <a:pt x="1147" y="1064"/>
                  <a:pt x="1141" y="1070"/>
                  <a:pt x="1141" y="1077"/>
                </a:cubicBezTo>
                <a:cubicBezTo>
                  <a:pt x="1141" y="1084"/>
                  <a:pt x="1147" y="1090"/>
                  <a:pt x="1154" y="1090"/>
                </a:cubicBezTo>
                <a:close/>
                <a:moveTo>
                  <a:pt x="1627" y="1064"/>
                </a:moveTo>
                <a:cubicBezTo>
                  <a:pt x="1620" y="1064"/>
                  <a:pt x="1614" y="1070"/>
                  <a:pt x="1614" y="1077"/>
                </a:cubicBezTo>
                <a:cubicBezTo>
                  <a:pt x="1614" y="1084"/>
                  <a:pt x="1620" y="1090"/>
                  <a:pt x="1627" y="1090"/>
                </a:cubicBezTo>
                <a:cubicBezTo>
                  <a:pt x="1634" y="1090"/>
                  <a:pt x="1639" y="1084"/>
                  <a:pt x="1639" y="1077"/>
                </a:cubicBezTo>
                <a:cubicBezTo>
                  <a:pt x="1639" y="1070"/>
                  <a:pt x="1634" y="1064"/>
                  <a:pt x="1627" y="1064"/>
                </a:cubicBezTo>
                <a:close/>
                <a:moveTo>
                  <a:pt x="1666" y="1064"/>
                </a:moveTo>
                <a:cubicBezTo>
                  <a:pt x="1659" y="1064"/>
                  <a:pt x="1653" y="1070"/>
                  <a:pt x="1653" y="1077"/>
                </a:cubicBezTo>
                <a:cubicBezTo>
                  <a:pt x="1653" y="1084"/>
                  <a:pt x="1659" y="1090"/>
                  <a:pt x="1666" y="1090"/>
                </a:cubicBezTo>
                <a:cubicBezTo>
                  <a:pt x="1673" y="1090"/>
                  <a:pt x="1679" y="1084"/>
                  <a:pt x="1679" y="1077"/>
                </a:cubicBezTo>
                <a:cubicBezTo>
                  <a:pt x="1679" y="1070"/>
                  <a:pt x="1673" y="1064"/>
                  <a:pt x="1666" y="1064"/>
                </a:cubicBezTo>
                <a:close/>
                <a:moveTo>
                  <a:pt x="1784" y="1064"/>
                </a:moveTo>
                <a:cubicBezTo>
                  <a:pt x="1777" y="1064"/>
                  <a:pt x="1772" y="1070"/>
                  <a:pt x="1772" y="1077"/>
                </a:cubicBezTo>
                <a:cubicBezTo>
                  <a:pt x="1772" y="1084"/>
                  <a:pt x="1777" y="1090"/>
                  <a:pt x="1784" y="1090"/>
                </a:cubicBezTo>
                <a:cubicBezTo>
                  <a:pt x="1791" y="1090"/>
                  <a:pt x="1797" y="1084"/>
                  <a:pt x="1797" y="1077"/>
                </a:cubicBezTo>
                <a:cubicBezTo>
                  <a:pt x="1797" y="1070"/>
                  <a:pt x="1791" y="1064"/>
                  <a:pt x="1784" y="1064"/>
                </a:cubicBezTo>
                <a:close/>
                <a:moveTo>
                  <a:pt x="1824" y="1090"/>
                </a:moveTo>
                <a:cubicBezTo>
                  <a:pt x="1831" y="1090"/>
                  <a:pt x="1836" y="1084"/>
                  <a:pt x="1836" y="1077"/>
                </a:cubicBezTo>
                <a:cubicBezTo>
                  <a:pt x="1836" y="1070"/>
                  <a:pt x="1831" y="1064"/>
                  <a:pt x="1824" y="1064"/>
                </a:cubicBezTo>
                <a:cubicBezTo>
                  <a:pt x="1817" y="1064"/>
                  <a:pt x="1811" y="1070"/>
                  <a:pt x="1811" y="1077"/>
                </a:cubicBezTo>
                <a:cubicBezTo>
                  <a:pt x="1811" y="1084"/>
                  <a:pt x="1817" y="1090"/>
                  <a:pt x="1824" y="1090"/>
                </a:cubicBezTo>
                <a:close/>
                <a:moveTo>
                  <a:pt x="1863" y="1090"/>
                </a:moveTo>
                <a:cubicBezTo>
                  <a:pt x="1870" y="1090"/>
                  <a:pt x="1876" y="1084"/>
                  <a:pt x="1876" y="1077"/>
                </a:cubicBezTo>
                <a:cubicBezTo>
                  <a:pt x="1876" y="1070"/>
                  <a:pt x="1870" y="1064"/>
                  <a:pt x="1863" y="1064"/>
                </a:cubicBezTo>
                <a:cubicBezTo>
                  <a:pt x="1856" y="1064"/>
                  <a:pt x="1850" y="1070"/>
                  <a:pt x="1850" y="1077"/>
                </a:cubicBezTo>
                <a:cubicBezTo>
                  <a:pt x="1850" y="1084"/>
                  <a:pt x="1856" y="1090"/>
                  <a:pt x="1863" y="1090"/>
                </a:cubicBezTo>
                <a:close/>
                <a:moveTo>
                  <a:pt x="1903" y="1090"/>
                </a:moveTo>
                <a:cubicBezTo>
                  <a:pt x="1910" y="1090"/>
                  <a:pt x="1915" y="1084"/>
                  <a:pt x="1915" y="1077"/>
                </a:cubicBezTo>
                <a:cubicBezTo>
                  <a:pt x="1915" y="1070"/>
                  <a:pt x="1910" y="1064"/>
                  <a:pt x="1903" y="1064"/>
                </a:cubicBezTo>
                <a:cubicBezTo>
                  <a:pt x="1896" y="1064"/>
                  <a:pt x="1890" y="1070"/>
                  <a:pt x="1890" y="1077"/>
                </a:cubicBezTo>
                <a:cubicBezTo>
                  <a:pt x="1890" y="1084"/>
                  <a:pt x="1896" y="1090"/>
                  <a:pt x="1903" y="1090"/>
                </a:cubicBezTo>
                <a:close/>
                <a:moveTo>
                  <a:pt x="1942" y="1090"/>
                </a:moveTo>
                <a:cubicBezTo>
                  <a:pt x="1949" y="1090"/>
                  <a:pt x="1955" y="1084"/>
                  <a:pt x="1955" y="1077"/>
                </a:cubicBezTo>
                <a:cubicBezTo>
                  <a:pt x="1955" y="1070"/>
                  <a:pt x="1949" y="1064"/>
                  <a:pt x="1942" y="1064"/>
                </a:cubicBezTo>
                <a:cubicBezTo>
                  <a:pt x="1935" y="1064"/>
                  <a:pt x="1929" y="1070"/>
                  <a:pt x="1929" y="1077"/>
                </a:cubicBezTo>
                <a:cubicBezTo>
                  <a:pt x="1929" y="1084"/>
                  <a:pt x="1935" y="1090"/>
                  <a:pt x="1942" y="1090"/>
                </a:cubicBezTo>
                <a:close/>
                <a:moveTo>
                  <a:pt x="1981" y="1090"/>
                </a:moveTo>
                <a:cubicBezTo>
                  <a:pt x="1988" y="1090"/>
                  <a:pt x="1994" y="1084"/>
                  <a:pt x="1994" y="1077"/>
                </a:cubicBezTo>
                <a:cubicBezTo>
                  <a:pt x="1994" y="1070"/>
                  <a:pt x="1988" y="1064"/>
                  <a:pt x="1981" y="1064"/>
                </a:cubicBezTo>
                <a:cubicBezTo>
                  <a:pt x="1974" y="1064"/>
                  <a:pt x="1969" y="1070"/>
                  <a:pt x="1969" y="1077"/>
                </a:cubicBezTo>
                <a:cubicBezTo>
                  <a:pt x="1969" y="1084"/>
                  <a:pt x="1974" y="1090"/>
                  <a:pt x="1981" y="1090"/>
                </a:cubicBezTo>
                <a:close/>
                <a:moveTo>
                  <a:pt x="2008" y="1077"/>
                </a:moveTo>
                <a:cubicBezTo>
                  <a:pt x="2008" y="1084"/>
                  <a:pt x="2014" y="1090"/>
                  <a:pt x="2021" y="1090"/>
                </a:cubicBezTo>
                <a:cubicBezTo>
                  <a:pt x="2028" y="1090"/>
                  <a:pt x="2034" y="1084"/>
                  <a:pt x="2034" y="1077"/>
                </a:cubicBezTo>
                <a:cubicBezTo>
                  <a:pt x="2034" y="1070"/>
                  <a:pt x="2028" y="1064"/>
                  <a:pt x="2021" y="1064"/>
                </a:cubicBezTo>
                <a:cubicBezTo>
                  <a:pt x="2014" y="1064"/>
                  <a:pt x="2008" y="1070"/>
                  <a:pt x="2008" y="1077"/>
                </a:cubicBezTo>
                <a:close/>
                <a:moveTo>
                  <a:pt x="2060" y="1090"/>
                </a:moveTo>
                <a:cubicBezTo>
                  <a:pt x="2067" y="1090"/>
                  <a:pt x="2073" y="1084"/>
                  <a:pt x="2073" y="1077"/>
                </a:cubicBezTo>
                <a:cubicBezTo>
                  <a:pt x="2073" y="1070"/>
                  <a:pt x="2067" y="1064"/>
                  <a:pt x="2060" y="1064"/>
                </a:cubicBezTo>
                <a:cubicBezTo>
                  <a:pt x="2053" y="1064"/>
                  <a:pt x="2048" y="1070"/>
                  <a:pt x="2048" y="1077"/>
                </a:cubicBezTo>
                <a:cubicBezTo>
                  <a:pt x="2048" y="1084"/>
                  <a:pt x="2053" y="1090"/>
                  <a:pt x="2060" y="1090"/>
                </a:cubicBezTo>
                <a:close/>
                <a:moveTo>
                  <a:pt x="2100" y="1090"/>
                </a:moveTo>
                <a:cubicBezTo>
                  <a:pt x="2107" y="1090"/>
                  <a:pt x="2112" y="1084"/>
                  <a:pt x="2112" y="1077"/>
                </a:cubicBezTo>
                <a:cubicBezTo>
                  <a:pt x="2112" y="1070"/>
                  <a:pt x="2107" y="1064"/>
                  <a:pt x="2100" y="1064"/>
                </a:cubicBezTo>
                <a:cubicBezTo>
                  <a:pt x="2093" y="1064"/>
                  <a:pt x="2087" y="1070"/>
                  <a:pt x="2087" y="1077"/>
                </a:cubicBezTo>
                <a:cubicBezTo>
                  <a:pt x="2087" y="1084"/>
                  <a:pt x="2093" y="1090"/>
                  <a:pt x="2100" y="1090"/>
                </a:cubicBezTo>
                <a:close/>
                <a:moveTo>
                  <a:pt x="2139" y="1090"/>
                </a:moveTo>
                <a:cubicBezTo>
                  <a:pt x="2146" y="1090"/>
                  <a:pt x="2152" y="1084"/>
                  <a:pt x="2152" y="1077"/>
                </a:cubicBezTo>
                <a:cubicBezTo>
                  <a:pt x="2152" y="1070"/>
                  <a:pt x="2146" y="1064"/>
                  <a:pt x="2139" y="1064"/>
                </a:cubicBezTo>
                <a:cubicBezTo>
                  <a:pt x="2132" y="1064"/>
                  <a:pt x="2126" y="1070"/>
                  <a:pt x="2126" y="1077"/>
                </a:cubicBezTo>
                <a:cubicBezTo>
                  <a:pt x="2126" y="1084"/>
                  <a:pt x="2132" y="1090"/>
                  <a:pt x="2139" y="1090"/>
                </a:cubicBezTo>
                <a:close/>
                <a:moveTo>
                  <a:pt x="2179" y="1064"/>
                </a:moveTo>
                <a:cubicBezTo>
                  <a:pt x="2172" y="1064"/>
                  <a:pt x="2166" y="1070"/>
                  <a:pt x="2166" y="1077"/>
                </a:cubicBezTo>
                <a:cubicBezTo>
                  <a:pt x="2166" y="1084"/>
                  <a:pt x="2172" y="1090"/>
                  <a:pt x="2179" y="1090"/>
                </a:cubicBezTo>
                <a:cubicBezTo>
                  <a:pt x="2186" y="1090"/>
                  <a:pt x="2191" y="1084"/>
                  <a:pt x="2191" y="1077"/>
                </a:cubicBezTo>
                <a:cubicBezTo>
                  <a:pt x="2191" y="1070"/>
                  <a:pt x="2186" y="1064"/>
                  <a:pt x="2179" y="1064"/>
                </a:cubicBezTo>
                <a:close/>
                <a:moveTo>
                  <a:pt x="2730" y="1064"/>
                </a:moveTo>
                <a:cubicBezTo>
                  <a:pt x="2723" y="1064"/>
                  <a:pt x="2718" y="1070"/>
                  <a:pt x="2718" y="1077"/>
                </a:cubicBezTo>
                <a:cubicBezTo>
                  <a:pt x="2718" y="1084"/>
                  <a:pt x="2723" y="1090"/>
                  <a:pt x="2730" y="1090"/>
                </a:cubicBezTo>
                <a:cubicBezTo>
                  <a:pt x="2738" y="1090"/>
                  <a:pt x="2743" y="1084"/>
                  <a:pt x="2743" y="1077"/>
                </a:cubicBezTo>
                <a:cubicBezTo>
                  <a:pt x="2743" y="1070"/>
                  <a:pt x="2738" y="1064"/>
                  <a:pt x="2730" y="1064"/>
                </a:cubicBezTo>
                <a:close/>
                <a:moveTo>
                  <a:pt x="2888" y="1090"/>
                </a:moveTo>
                <a:cubicBezTo>
                  <a:pt x="2895" y="1090"/>
                  <a:pt x="2901" y="1084"/>
                  <a:pt x="2901" y="1077"/>
                </a:cubicBezTo>
                <a:cubicBezTo>
                  <a:pt x="2901" y="1070"/>
                  <a:pt x="2895" y="1064"/>
                  <a:pt x="2888" y="1064"/>
                </a:cubicBezTo>
                <a:cubicBezTo>
                  <a:pt x="2881" y="1064"/>
                  <a:pt x="2875" y="1070"/>
                  <a:pt x="2875" y="1077"/>
                </a:cubicBezTo>
                <a:cubicBezTo>
                  <a:pt x="2875" y="1084"/>
                  <a:pt x="2881" y="1090"/>
                  <a:pt x="2888" y="1090"/>
                </a:cubicBezTo>
                <a:close/>
                <a:moveTo>
                  <a:pt x="917" y="1129"/>
                </a:moveTo>
                <a:cubicBezTo>
                  <a:pt x="924" y="1129"/>
                  <a:pt x="930" y="1124"/>
                  <a:pt x="930" y="1117"/>
                </a:cubicBezTo>
                <a:cubicBezTo>
                  <a:pt x="930" y="1110"/>
                  <a:pt x="924" y="1104"/>
                  <a:pt x="917" y="1104"/>
                </a:cubicBezTo>
                <a:cubicBezTo>
                  <a:pt x="910" y="1104"/>
                  <a:pt x="904" y="1110"/>
                  <a:pt x="904" y="1117"/>
                </a:cubicBezTo>
                <a:cubicBezTo>
                  <a:pt x="904" y="1124"/>
                  <a:pt x="910" y="1129"/>
                  <a:pt x="917" y="1129"/>
                </a:cubicBezTo>
                <a:close/>
                <a:moveTo>
                  <a:pt x="956" y="1129"/>
                </a:moveTo>
                <a:cubicBezTo>
                  <a:pt x="963" y="1129"/>
                  <a:pt x="969" y="1124"/>
                  <a:pt x="969" y="1117"/>
                </a:cubicBezTo>
                <a:cubicBezTo>
                  <a:pt x="969" y="1110"/>
                  <a:pt x="963" y="1104"/>
                  <a:pt x="956" y="1104"/>
                </a:cubicBezTo>
                <a:cubicBezTo>
                  <a:pt x="949" y="1104"/>
                  <a:pt x="944" y="1110"/>
                  <a:pt x="944" y="1117"/>
                </a:cubicBezTo>
                <a:cubicBezTo>
                  <a:pt x="944" y="1124"/>
                  <a:pt x="949" y="1129"/>
                  <a:pt x="956" y="1129"/>
                </a:cubicBezTo>
                <a:close/>
                <a:moveTo>
                  <a:pt x="996" y="1129"/>
                </a:moveTo>
                <a:cubicBezTo>
                  <a:pt x="1003" y="1129"/>
                  <a:pt x="1009" y="1124"/>
                  <a:pt x="1009" y="1117"/>
                </a:cubicBezTo>
                <a:cubicBezTo>
                  <a:pt x="1009" y="1110"/>
                  <a:pt x="1003" y="1104"/>
                  <a:pt x="996" y="1104"/>
                </a:cubicBezTo>
                <a:cubicBezTo>
                  <a:pt x="989" y="1104"/>
                  <a:pt x="983" y="1110"/>
                  <a:pt x="983" y="1117"/>
                </a:cubicBezTo>
                <a:cubicBezTo>
                  <a:pt x="983" y="1124"/>
                  <a:pt x="989" y="1129"/>
                  <a:pt x="996" y="1129"/>
                </a:cubicBezTo>
                <a:close/>
                <a:moveTo>
                  <a:pt x="1035" y="1129"/>
                </a:moveTo>
                <a:cubicBezTo>
                  <a:pt x="1042" y="1129"/>
                  <a:pt x="1048" y="1124"/>
                  <a:pt x="1048" y="1117"/>
                </a:cubicBezTo>
                <a:cubicBezTo>
                  <a:pt x="1048" y="1110"/>
                  <a:pt x="1042" y="1104"/>
                  <a:pt x="1035" y="1104"/>
                </a:cubicBezTo>
                <a:cubicBezTo>
                  <a:pt x="1028" y="1104"/>
                  <a:pt x="1023" y="1110"/>
                  <a:pt x="1023" y="1117"/>
                </a:cubicBezTo>
                <a:cubicBezTo>
                  <a:pt x="1023" y="1124"/>
                  <a:pt x="1028" y="1129"/>
                  <a:pt x="1035" y="1129"/>
                </a:cubicBezTo>
                <a:close/>
                <a:moveTo>
                  <a:pt x="1075" y="1129"/>
                </a:moveTo>
                <a:cubicBezTo>
                  <a:pt x="1082" y="1129"/>
                  <a:pt x="1087" y="1124"/>
                  <a:pt x="1087" y="1117"/>
                </a:cubicBezTo>
                <a:cubicBezTo>
                  <a:pt x="1087" y="1110"/>
                  <a:pt x="1082" y="1104"/>
                  <a:pt x="1075" y="1104"/>
                </a:cubicBezTo>
                <a:cubicBezTo>
                  <a:pt x="1068" y="1104"/>
                  <a:pt x="1062" y="1110"/>
                  <a:pt x="1062" y="1117"/>
                </a:cubicBezTo>
                <a:cubicBezTo>
                  <a:pt x="1062" y="1124"/>
                  <a:pt x="1068" y="1129"/>
                  <a:pt x="1075" y="1129"/>
                </a:cubicBezTo>
                <a:close/>
                <a:moveTo>
                  <a:pt x="1114" y="1129"/>
                </a:moveTo>
                <a:cubicBezTo>
                  <a:pt x="1121" y="1129"/>
                  <a:pt x="1127" y="1124"/>
                  <a:pt x="1127" y="1117"/>
                </a:cubicBezTo>
                <a:cubicBezTo>
                  <a:pt x="1127" y="1110"/>
                  <a:pt x="1121" y="1104"/>
                  <a:pt x="1114" y="1104"/>
                </a:cubicBezTo>
                <a:cubicBezTo>
                  <a:pt x="1107" y="1104"/>
                  <a:pt x="1101" y="1110"/>
                  <a:pt x="1101" y="1117"/>
                </a:cubicBezTo>
                <a:cubicBezTo>
                  <a:pt x="1101" y="1124"/>
                  <a:pt x="1107" y="1129"/>
                  <a:pt x="1114" y="1129"/>
                </a:cubicBezTo>
                <a:close/>
                <a:moveTo>
                  <a:pt x="1154" y="1129"/>
                </a:moveTo>
                <a:cubicBezTo>
                  <a:pt x="1161" y="1129"/>
                  <a:pt x="1166" y="1124"/>
                  <a:pt x="1166" y="1117"/>
                </a:cubicBezTo>
                <a:cubicBezTo>
                  <a:pt x="1166" y="1110"/>
                  <a:pt x="1161" y="1104"/>
                  <a:pt x="1154" y="1104"/>
                </a:cubicBezTo>
                <a:cubicBezTo>
                  <a:pt x="1146" y="1104"/>
                  <a:pt x="1141" y="1110"/>
                  <a:pt x="1141" y="1117"/>
                </a:cubicBezTo>
                <a:cubicBezTo>
                  <a:pt x="1141" y="1124"/>
                  <a:pt x="1146" y="1129"/>
                  <a:pt x="1154" y="1129"/>
                </a:cubicBezTo>
                <a:close/>
                <a:moveTo>
                  <a:pt x="1824" y="1104"/>
                </a:moveTo>
                <a:cubicBezTo>
                  <a:pt x="1817" y="1104"/>
                  <a:pt x="1811" y="1110"/>
                  <a:pt x="1811" y="1117"/>
                </a:cubicBezTo>
                <a:cubicBezTo>
                  <a:pt x="1811" y="1124"/>
                  <a:pt x="1817" y="1129"/>
                  <a:pt x="1824" y="1129"/>
                </a:cubicBezTo>
                <a:cubicBezTo>
                  <a:pt x="1831" y="1129"/>
                  <a:pt x="1836" y="1124"/>
                  <a:pt x="1836" y="1117"/>
                </a:cubicBezTo>
                <a:cubicBezTo>
                  <a:pt x="1836" y="1110"/>
                  <a:pt x="1831" y="1104"/>
                  <a:pt x="1824" y="1104"/>
                </a:cubicBezTo>
                <a:close/>
                <a:moveTo>
                  <a:pt x="1863" y="1104"/>
                </a:moveTo>
                <a:cubicBezTo>
                  <a:pt x="1856" y="1104"/>
                  <a:pt x="1850" y="1110"/>
                  <a:pt x="1850" y="1117"/>
                </a:cubicBezTo>
                <a:cubicBezTo>
                  <a:pt x="1850" y="1124"/>
                  <a:pt x="1856" y="1129"/>
                  <a:pt x="1863" y="1129"/>
                </a:cubicBezTo>
                <a:cubicBezTo>
                  <a:pt x="1870" y="1129"/>
                  <a:pt x="1876" y="1124"/>
                  <a:pt x="1876" y="1117"/>
                </a:cubicBezTo>
                <a:cubicBezTo>
                  <a:pt x="1876" y="1110"/>
                  <a:pt x="1870" y="1104"/>
                  <a:pt x="1863" y="1104"/>
                </a:cubicBezTo>
                <a:close/>
                <a:moveTo>
                  <a:pt x="1903" y="1104"/>
                </a:moveTo>
                <a:cubicBezTo>
                  <a:pt x="1896" y="1104"/>
                  <a:pt x="1890" y="1110"/>
                  <a:pt x="1890" y="1117"/>
                </a:cubicBezTo>
                <a:cubicBezTo>
                  <a:pt x="1890" y="1124"/>
                  <a:pt x="1896" y="1129"/>
                  <a:pt x="1903" y="1129"/>
                </a:cubicBezTo>
                <a:cubicBezTo>
                  <a:pt x="1910" y="1129"/>
                  <a:pt x="1915" y="1124"/>
                  <a:pt x="1915" y="1117"/>
                </a:cubicBezTo>
                <a:cubicBezTo>
                  <a:pt x="1915" y="1110"/>
                  <a:pt x="1910" y="1104"/>
                  <a:pt x="1903" y="1104"/>
                </a:cubicBezTo>
                <a:close/>
                <a:moveTo>
                  <a:pt x="1942" y="1129"/>
                </a:moveTo>
                <a:cubicBezTo>
                  <a:pt x="1949" y="1129"/>
                  <a:pt x="1955" y="1124"/>
                  <a:pt x="1955" y="1117"/>
                </a:cubicBezTo>
                <a:cubicBezTo>
                  <a:pt x="1955" y="1110"/>
                  <a:pt x="1949" y="1104"/>
                  <a:pt x="1942" y="1104"/>
                </a:cubicBezTo>
                <a:cubicBezTo>
                  <a:pt x="1935" y="1104"/>
                  <a:pt x="1929" y="1110"/>
                  <a:pt x="1929" y="1117"/>
                </a:cubicBezTo>
                <a:cubicBezTo>
                  <a:pt x="1929" y="1124"/>
                  <a:pt x="1935" y="1129"/>
                  <a:pt x="1942" y="1129"/>
                </a:cubicBezTo>
                <a:close/>
                <a:moveTo>
                  <a:pt x="1981" y="1104"/>
                </a:moveTo>
                <a:cubicBezTo>
                  <a:pt x="1974" y="1104"/>
                  <a:pt x="1969" y="1110"/>
                  <a:pt x="1969" y="1117"/>
                </a:cubicBezTo>
                <a:cubicBezTo>
                  <a:pt x="1969" y="1124"/>
                  <a:pt x="1974" y="1129"/>
                  <a:pt x="1981" y="1129"/>
                </a:cubicBezTo>
                <a:cubicBezTo>
                  <a:pt x="1988" y="1129"/>
                  <a:pt x="1994" y="1124"/>
                  <a:pt x="1994" y="1117"/>
                </a:cubicBezTo>
                <a:cubicBezTo>
                  <a:pt x="1994" y="1110"/>
                  <a:pt x="1988" y="1104"/>
                  <a:pt x="1981" y="1104"/>
                </a:cubicBezTo>
                <a:close/>
                <a:moveTo>
                  <a:pt x="2021" y="1129"/>
                </a:moveTo>
                <a:cubicBezTo>
                  <a:pt x="2028" y="1129"/>
                  <a:pt x="2034" y="1124"/>
                  <a:pt x="2034" y="1117"/>
                </a:cubicBezTo>
                <a:cubicBezTo>
                  <a:pt x="2034" y="1110"/>
                  <a:pt x="2028" y="1104"/>
                  <a:pt x="2021" y="1104"/>
                </a:cubicBezTo>
                <a:cubicBezTo>
                  <a:pt x="2014" y="1104"/>
                  <a:pt x="2008" y="1110"/>
                  <a:pt x="2008" y="1117"/>
                </a:cubicBezTo>
                <a:cubicBezTo>
                  <a:pt x="2008" y="1124"/>
                  <a:pt x="2014" y="1129"/>
                  <a:pt x="2021" y="1129"/>
                </a:cubicBezTo>
                <a:close/>
                <a:moveTo>
                  <a:pt x="2060" y="1129"/>
                </a:moveTo>
                <a:cubicBezTo>
                  <a:pt x="2067" y="1129"/>
                  <a:pt x="2073" y="1124"/>
                  <a:pt x="2073" y="1117"/>
                </a:cubicBezTo>
                <a:cubicBezTo>
                  <a:pt x="2073" y="1110"/>
                  <a:pt x="2067" y="1104"/>
                  <a:pt x="2060" y="1104"/>
                </a:cubicBezTo>
                <a:cubicBezTo>
                  <a:pt x="2053" y="1104"/>
                  <a:pt x="2048" y="1110"/>
                  <a:pt x="2048" y="1117"/>
                </a:cubicBezTo>
                <a:cubicBezTo>
                  <a:pt x="2048" y="1124"/>
                  <a:pt x="2053" y="1129"/>
                  <a:pt x="2060" y="1129"/>
                </a:cubicBezTo>
                <a:close/>
                <a:moveTo>
                  <a:pt x="2100" y="1129"/>
                </a:moveTo>
                <a:cubicBezTo>
                  <a:pt x="2107" y="1129"/>
                  <a:pt x="2112" y="1124"/>
                  <a:pt x="2112" y="1117"/>
                </a:cubicBezTo>
                <a:cubicBezTo>
                  <a:pt x="2112" y="1110"/>
                  <a:pt x="2107" y="1104"/>
                  <a:pt x="2100" y="1104"/>
                </a:cubicBezTo>
                <a:cubicBezTo>
                  <a:pt x="2093" y="1104"/>
                  <a:pt x="2087" y="1110"/>
                  <a:pt x="2087" y="1117"/>
                </a:cubicBezTo>
                <a:cubicBezTo>
                  <a:pt x="2087" y="1124"/>
                  <a:pt x="2093" y="1129"/>
                  <a:pt x="2100" y="1129"/>
                </a:cubicBezTo>
                <a:close/>
                <a:moveTo>
                  <a:pt x="2139" y="1129"/>
                </a:moveTo>
                <a:cubicBezTo>
                  <a:pt x="2146" y="1129"/>
                  <a:pt x="2152" y="1124"/>
                  <a:pt x="2152" y="1117"/>
                </a:cubicBezTo>
                <a:cubicBezTo>
                  <a:pt x="2152" y="1110"/>
                  <a:pt x="2146" y="1104"/>
                  <a:pt x="2139" y="1104"/>
                </a:cubicBezTo>
                <a:cubicBezTo>
                  <a:pt x="2132" y="1104"/>
                  <a:pt x="2126" y="1110"/>
                  <a:pt x="2126" y="1117"/>
                </a:cubicBezTo>
                <a:cubicBezTo>
                  <a:pt x="2126" y="1124"/>
                  <a:pt x="2132" y="1129"/>
                  <a:pt x="2139" y="1129"/>
                </a:cubicBezTo>
                <a:close/>
                <a:moveTo>
                  <a:pt x="2730" y="1104"/>
                </a:moveTo>
                <a:cubicBezTo>
                  <a:pt x="2723" y="1104"/>
                  <a:pt x="2718" y="1110"/>
                  <a:pt x="2718" y="1117"/>
                </a:cubicBezTo>
                <a:cubicBezTo>
                  <a:pt x="2718" y="1124"/>
                  <a:pt x="2723" y="1129"/>
                  <a:pt x="2730" y="1129"/>
                </a:cubicBezTo>
                <a:cubicBezTo>
                  <a:pt x="2738" y="1129"/>
                  <a:pt x="2743" y="1124"/>
                  <a:pt x="2743" y="1117"/>
                </a:cubicBezTo>
                <a:cubicBezTo>
                  <a:pt x="2743" y="1110"/>
                  <a:pt x="2738" y="1104"/>
                  <a:pt x="2730" y="1104"/>
                </a:cubicBezTo>
                <a:close/>
                <a:moveTo>
                  <a:pt x="2809" y="1104"/>
                </a:moveTo>
                <a:cubicBezTo>
                  <a:pt x="2802" y="1104"/>
                  <a:pt x="2797" y="1110"/>
                  <a:pt x="2797" y="1117"/>
                </a:cubicBezTo>
                <a:cubicBezTo>
                  <a:pt x="2797" y="1124"/>
                  <a:pt x="2802" y="1129"/>
                  <a:pt x="2809" y="1129"/>
                </a:cubicBezTo>
                <a:cubicBezTo>
                  <a:pt x="2816" y="1129"/>
                  <a:pt x="2822" y="1124"/>
                  <a:pt x="2822" y="1117"/>
                </a:cubicBezTo>
                <a:cubicBezTo>
                  <a:pt x="2822" y="1110"/>
                  <a:pt x="2816" y="1104"/>
                  <a:pt x="2809" y="1104"/>
                </a:cubicBezTo>
                <a:close/>
                <a:moveTo>
                  <a:pt x="2849" y="1104"/>
                </a:moveTo>
                <a:cubicBezTo>
                  <a:pt x="2842" y="1104"/>
                  <a:pt x="2836" y="1110"/>
                  <a:pt x="2836" y="1117"/>
                </a:cubicBezTo>
                <a:cubicBezTo>
                  <a:pt x="2836" y="1124"/>
                  <a:pt x="2842" y="1129"/>
                  <a:pt x="2849" y="1129"/>
                </a:cubicBezTo>
                <a:cubicBezTo>
                  <a:pt x="2856" y="1129"/>
                  <a:pt x="2862" y="1124"/>
                  <a:pt x="2862" y="1117"/>
                </a:cubicBezTo>
                <a:cubicBezTo>
                  <a:pt x="2862" y="1110"/>
                  <a:pt x="2856" y="1104"/>
                  <a:pt x="2849" y="1104"/>
                </a:cubicBezTo>
                <a:close/>
                <a:moveTo>
                  <a:pt x="2888" y="1129"/>
                </a:moveTo>
                <a:cubicBezTo>
                  <a:pt x="2895" y="1129"/>
                  <a:pt x="2901" y="1124"/>
                  <a:pt x="2901" y="1117"/>
                </a:cubicBezTo>
                <a:cubicBezTo>
                  <a:pt x="2901" y="1110"/>
                  <a:pt x="2895" y="1104"/>
                  <a:pt x="2888" y="1104"/>
                </a:cubicBezTo>
                <a:cubicBezTo>
                  <a:pt x="2881" y="1104"/>
                  <a:pt x="2875" y="1110"/>
                  <a:pt x="2875" y="1117"/>
                </a:cubicBezTo>
                <a:cubicBezTo>
                  <a:pt x="2875" y="1124"/>
                  <a:pt x="2881" y="1129"/>
                  <a:pt x="2888" y="1129"/>
                </a:cubicBezTo>
                <a:close/>
                <a:moveTo>
                  <a:pt x="2919" y="1117"/>
                </a:moveTo>
                <a:cubicBezTo>
                  <a:pt x="2919" y="1121"/>
                  <a:pt x="2923" y="1125"/>
                  <a:pt x="2928" y="1125"/>
                </a:cubicBezTo>
                <a:cubicBezTo>
                  <a:pt x="2932" y="1125"/>
                  <a:pt x="2936" y="1121"/>
                  <a:pt x="2936" y="1117"/>
                </a:cubicBezTo>
                <a:cubicBezTo>
                  <a:pt x="2936" y="1112"/>
                  <a:pt x="2932" y="1108"/>
                  <a:pt x="2928" y="1108"/>
                </a:cubicBezTo>
                <a:cubicBezTo>
                  <a:pt x="2923" y="1108"/>
                  <a:pt x="2919" y="1112"/>
                  <a:pt x="2919" y="1117"/>
                </a:cubicBezTo>
                <a:close/>
                <a:moveTo>
                  <a:pt x="882" y="1156"/>
                </a:moveTo>
                <a:cubicBezTo>
                  <a:pt x="882" y="1154"/>
                  <a:pt x="880" y="1152"/>
                  <a:pt x="878" y="1152"/>
                </a:cubicBezTo>
                <a:cubicBezTo>
                  <a:pt x="875" y="1152"/>
                  <a:pt x="873" y="1154"/>
                  <a:pt x="873" y="1156"/>
                </a:cubicBezTo>
                <a:cubicBezTo>
                  <a:pt x="873" y="1158"/>
                  <a:pt x="875" y="1160"/>
                  <a:pt x="878" y="1160"/>
                </a:cubicBezTo>
                <a:cubicBezTo>
                  <a:pt x="880" y="1160"/>
                  <a:pt x="882" y="1158"/>
                  <a:pt x="882" y="1156"/>
                </a:cubicBezTo>
                <a:close/>
                <a:moveTo>
                  <a:pt x="917" y="1169"/>
                </a:moveTo>
                <a:cubicBezTo>
                  <a:pt x="924" y="1169"/>
                  <a:pt x="930" y="1163"/>
                  <a:pt x="930" y="1156"/>
                </a:cubicBezTo>
                <a:cubicBezTo>
                  <a:pt x="930" y="1149"/>
                  <a:pt x="924" y="1143"/>
                  <a:pt x="917" y="1143"/>
                </a:cubicBezTo>
                <a:cubicBezTo>
                  <a:pt x="910" y="1143"/>
                  <a:pt x="904" y="1149"/>
                  <a:pt x="904" y="1156"/>
                </a:cubicBezTo>
                <a:cubicBezTo>
                  <a:pt x="904" y="1163"/>
                  <a:pt x="910" y="1169"/>
                  <a:pt x="917" y="1169"/>
                </a:cubicBezTo>
                <a:close/>
                <a:moveTo>
                  <a:pt x="956" y="1169"/>
                </a:moveTo>
                <a:cubicBezTo>
                  <a:pt x="963" y="1169"/>
                  <a:pt x="969" y="1163"/>
                  <a:pt x="969" y="1156"/>
                </a:cubicBezTo>
                <a:cubicBezTo>
                  <a:pt x="969" y="1149"/>
                  <a:pt x="963" y="1143"/>
                  <a:pt x="956" y="1143"/>
                </a:cubicBezTo>
                <a:cubicBezTo>
                  <a:pt x="949" y="1143"/>
                  <a:pt x="944" y="1149"/>
                  <a:pt x="944" y="1156"/>
                </a:cubicBezTo>
                <a:cubicBezTo>
                  <a:pt x="944" y="1163"/>
                  <a:pt x="949" y="1169"/>
                  <a:pt x="956" y="1169"/>
                </a:cubicBezTo>
                <a:close/>
                <a:moveTo>
                  <a:pt x="996" y="1169"/>
                </a:moveTo>
                <a:cubicBezTo>
                  <a:pt x="1003" y="1169"/>
                  <a:pt x="1009" y="1163"/>
                  <a:pt x="1009" y="1156"/>
                </a:cubicBezTo>
                <a:cubicBezTo>
                  <a:pt x="1009" y="1149"/>
                  <a:pt x="1003" y="1143"/>
                  <a:pt x="996" y="1143"/>
                </a:cubicBezTo>
                <a:cubicBezTo>
                  <a:pt x="989" y="1143"/>
                  <a:pt x="983" y="1149"/>
                  <a:pt x="983" y="1156"/>
                </a:cubicBezTo>
                <a:cubicBezTo>
                  <a:pt x="983" y="1163"/>
                  <a:pt x="989" y="1169"/>
                  <a:pt x="996" y="1169"/>
                </a:cubicBezTo>
                <a:close/>
                <a:moveTo>
                  <a:pt x="1035" y="1169"/>
                </a:moveTo>
                <a:cubicBezTo>
                  <a:pt x="1042" y="1169"/>
                  <a:pt x="1048" y="1163"/>
                  <a:pt x="1048" y="1156"/>
                </a:cubicBezTo>
                <a:cubicBezTo>
                  <a:pt x="1048" y="1149"/>
                  <a:pt x="1042" y="1143"/>
                  <a:pt x="1035" y="1143"/>
                </a:cubicBezTo>
                <a:cubicBezTo>
                  <a:pt x="1028" y="1143"/>
                  <a:pt x="1023" y="1149"/>
                  <a:pt x="1023" y="1156"/>
                </a:cubicBezTo>
                <a:cubicBezTo>
                  <a:pt x="1023" y="1163"/>
                  <a:pt x="1028" y="1169"/>
                  <a:pt x="1035" y="1169"/>
                </a:cubicBezTo>
                <a:close/>
                <a:moveTo>
                  <a:pt x="1075" y="1169"/>
                </a:moveTo>
                <a:cubicBezTo>
                  <a:pt x="1082" y="1169"/>
                  <a:pt x="1087" y="1163"/>
                  <a:pt x="1087" y="1156"/>
                </a:cubicBezTo>
                <a:cubicBezTo>
                  <a:pt x="1087" y="1149"/>
                  <a:pt x="1082" y="1143"/>
                  <a:pt x="1075" y="1143"/>
                </a:cubicBezTo>
                <a:cubicBezTo>
                  <a:pt x="1068" y="1143"/>
                  <a:pt x="1062" y="1149"/>
                  <a:pt x="1062" y="1156"/>
                </a:cubicBezTo>
                <a:cubicBezTo>
                  <a:pt x="1062" y="1163"/>
                  <a:pt x="1068" y="1169"/>
                  <a:pt x="1075" y="1169"/>
                </a:cubicBezTo>
                <a:close/>
                <a:moveTo>
                  <a:pt x="1114" y="1169"/>
                </a:moveTo>
                <a:cubicBezTo>
                  <a:pt x="1121" y="1169"/>
                  <a:pt x="1127" y="1163"/>
                  <a:pt x="1127" y="1156"/>
                </a:cubicBezTo>
                <a:cubicBezTo>
                  <a:pt x="1127" y="1149"/>
                  <a:pt x="1121" y="1143"/>
                  <a:pt x="1114" y="1143"/>
                </a:cubicBezTo>
                <a:cubicBezTo>
                  <a:pt x="1107" y="1143"/>
                  <a:pt x="1101" y="1149"/>
                  <a:pt x="1101" y="1156"/>
                </a:cubicBezTo>
                <a:cubicBezTo>
                  <a:pt x="1101" y="1163"/>
                  <a:pt x="1107" y="1169"/>
                  <a:pt x="1114" y="1169"/>
                </a:cubicBezTo>
                <a:close/>
                <a:moveTo>
                  <a:pt x="1154" y="1169"/>
                </a:moveTo>
                <a:cubicBezTo>
                  <a:pt x="1161" y="1169"/>
                  <a:pt x="1166" y="1163"/>
                  <a:pt x="1166" y="1156"/>
                </a:cubicBezTo>
                <a:cubicBezTo>
                  <a:pt x="1166" y="1149"/>
                  <a:pt x="1161" y="1143"/>
                  <a:pt x="1154" y="1143"/>
                </a:cubicBezTo>
                <a:cubicBezTo>
                  <a:pt x="1146" y="1143"/>
                  <a:pt x="1141" y="1149"/>
                  <a:pt x="1141" y="1156"/>
                </a:cubicBezTo>
                <a:cubicBezTo>
                  <a:pt x="1141" y="1163"/>
                  <a:pt x="1146" y="1169"/>
                  <a:pt x="1154" y="1169"/>
                </a:cubicBezTo>
                <a:close/>
                <a:moveTo>
                  <a:pt x="1193" y="1169"/>
                </a:moveTo>
                <a:cubicBezTo>
                  <a:pt x="1200" y="1169"/>
                  <a:pt x="1206" y="1163"/>
                  <a:pt x="1206" y="1156"/>
                </a:cubicBezTo>
                <a:cubicBezTo>
                  <a:pt x="1206" y="1149"/>
                  <a:pt x="1200" y="1143"/>
                  <a:pt x="1193" y="1143"/>
                </a:cubicBezTo>
                <a:cubicBezTo>
                  <a:pt x="1186" y="1143"/>
                  <a:pt x="1180" y="1149"/>
                  <a:pt x="1180" y="1156"/>
                </a:cubicBezTo>
                <a:cubicBezTo>
                  <a:pt x="1180" y="1163"/>
                  <a:pt x="1186" y="1169"/>
                  <a:pt x="1193" y="1169"/>
                </a:cubicBezTo>
                <a:close/>
                <a:moveTo>
                  <a:pt x="1232" y="1169"/>
                </a:moveTo>
                <a:cubicBezTo>
                  <a:pt x="1239" y="1169"/>
                  <a:pt x="1245" y="1163"/>
                  <a:pt x="1245" y="1156"/>
                </a:cubicBezTo>
                <a:cubicBezTo>
                  <a:pt x="1245" y="1149"/>
                  <a:pt x="1239" y="1143"/>
                  <a:pt x="1232" y="1143"/>
                </a:cubicBezTo>
                <a:cubicBezTo>
                  <a:pt x="1225" y="1143"/>
                  <a:pt x="1220" y="1149"/>
                  <a:pt x="1220" y="1156"/>
                </a:cubicBezTo>
                <a:cubicBezTo>
                  <a:pt x="1220" y="1163"/>
                  <a:pt x="1225" y="1169"/>
                  <a:pt x="1232" y="1169"/>
                </a:cubicBezTo>
                <a:close/>
                <a:moveTo>
                  <a:pt x="1824" y="1169"/>
                </a:moveTo>
                <a:cubicBezTo>
                  <a:pt x="1831" y="1169"/>
                  <a:pt x="1836" y="1163"/>
                  <a:pt x="1836" y="1156"/>
                </a:cubicBezTo>
                <a:cubicBezTo>
                  <a:pt x="1836" y="1149"/>
                  <a:pt x="1831" y="1143"/>
                  <a:pt x="1824" y="1143"/>
                </a:cubicBezTo>
                <a:cubicBezTo>
                  <a:pt x="1817" y="1143"/>
                  <a:pt x="1811" y="1149"/>
                  <a:pt x="1811" y="1156"/>
                </a:cubicBezTo>
                <a:cubicBezTo>
                  <a:pt x="1811" y="1163"/>
                  <a:pt x="1817" y="1169"/>
                  <a:pt x="1824" y="1169"/>
                </a:cubicBezTo>
                <a:close/>
                <a:moveTo>
                  <a:pt x="1863" y="1169"/>
                </a:moveTo>
                <a:cubicBezTo>
                  <a:pt x="1870" y="1169"/>
                  <a:pt x="1876" y="1163"/>
                  <a:pt x="1876" y="1156"/>
                </a:cubicBezTo>
                <a:cubicBezTo>
                  <a:pt x="1876" y="1149"/>
                  <a:pt x="1870" y="1143"/>
                  <a:pt x="1863" y="1143"/>
                </a:cubicBezTo>
                <a:cubicBezTo>
                  <a:pt x="1856" y="1143"/>
                  <a:pt x="1850" y="1149"/>
                  <a:pt x="1850" y="1156"/>
                </a:cubicBezTo>
                <a:cubicBezTo>
                  <a:pt x="1850" y="1163"/>
                  <a:pt x="1856" y="1169"/>
                  <a:pt x="1863" y="1169"/>
                </a:cubicBezTo>
                <a:close/>
                <a:moveTo>
                  <a:pt x="1903" y="1169"/>
                </a:moveTo>
                <a:cubicBezTo>
                  <a:pt x="1910" y="1169"/>
                  <a:pt x="1915" y="1163"/>
                  <a:pt x="1915" y="1156"/>
                </a:cubicBezTo>
                <a:cubicBezTo>
                  <a:pt x="1915" y="1149"/>
                  <a:pt x="1910" y="1143"/>
                  <a:pt x="1903" y="1143"/>
                </a:cubicBezTo>
                <a:cubicBezTo>
                  <a:pt x="1896" y="1143"/>
                  <a:pt x="1890" y="1149"/>
                  <a:pt x="1890" y="1156"/>
                </a:cubicBezTo>
                <a:cubicBezTo>
                  <a:pt x="1890" y="1163"/>
                  <a:pt x="1896" y="1169"/>
                  <a:pt x="1903" y="1169"/>
                </a:cubicBezTo>
                <a:close/>
                <a:moveTo>
                  <a:pt x="1942" y="1169"/>
                </a:moveTo>
                <a:cubicBezTo>
                  <a:pt x="1949" y="1169"/>
                  <a:pt x="1955" y="1163"/>
                  <a:pt x="1955" y="1156"/>
                </a:cubicBezTo>
                <a:cubicBezTo>
                  <a:pt x="1955" y="1149"/>
                  <a:pt x="1949" y="1143"/>
                  <a:pt x="1942" y="1143"/>
                </a:cubicBezTo>
                <a:cubicBezTo>
                  <a:pt x="1935" y="1143"/>
                  <a:pt x="1929" y="1149"/>
                  <a:pt x="1929" y="1156"/>
                </a:cubicBezTo>
                <a:cubicBezTo>
                  <a:pt x="1929" y="1163"/>
                  <a:pt x="1935" y="1169"/>
                  <a:pt x="1942" y="1169"/>
                </a:cubicBezTo>
                <a:close/>
                <a:moveTo>
                  <a:pt x="1981" y="1169"/>
                </a:moveTo>
                <a:cubicBezTo>
                  <a:pt x="1988" y="1169"/>
                  <a:pt x="1994" y="1163"/>
                  <a:pt x="1994" y="1156"/>
                </a:cubicBezTo>
                <a:cubicBezTo>
                  <a:pt x="1994" y="1149"/>
                  <a:pt x="1988" y="1143"/>
                  <a:pt x="1981" y="1143"/>
                </a:cubicBezTo>
                <a:cubicBezTo>
                  <a:pt x="1974" y="1143"/>
                  <a:pt x="1969" y="1149"/>
                  <a:pt x="1969" y="1156"/>
                </a:cubicBezTo>
                <a:cubicBezTo>
                  <a:pt x="1969" y="1163"/>
                  <a:pt x="1974" y="1169"/>
                  <a:pt x="1981" y="1169"/>
                </a:cubicBezTo>
                <a:close/>
                <a:moveTo>
                  <a:pt x="2021" y="1169"/>
                </a:moveTo>
                <a:cubicBezTo>
                  <a:pt x="2028" y="1169"/>
                  <a:pt x="2034" y="1163"/>
                  <a:pt x="2034" y="1156"/>
                </a:cubicBezTo>
                <a:cubicBezTo>
                  <a:pt x="2034" y="1149"/>
                  <a:pt x="2028" y="1143"/>
                  <a:pt x="2021" y="1143"/>
                </a:cubicBezTo>
                <a:cubicBezTo>
                  <a:pt x="2014" y="1143"/>
                  <a:pt x="2008" y="1149"/>
                  <a:pt x="2008" y="1156"/>
                </a:cubicBezTo>
                <a:cubicBezTo>
                  <a:pt x="2008" y="1163"/>
                  <a:pt x="2014" y="1169"/>
                  <a:pt x="2021" y="1169"/>
                </a:cubicBezTo>
                <a:close/>
                <a:moveTo>
                  <a:pt x="2060" y="1169"/>
                </a:moveTo>
                <a:cubicBezTo>
                  <a:pt x="2067" y="1169"/>
                  <a:pt x="2073" y="1163"/>
                  <a:pt x="2073" y="1156"/>
                </a:cubicBezTo>
                <a:cubicBezTo>
                  <a:pt x="2073" y="1149"/>
                  <a:pt x="2067" y="1143"/>
                  <a:pt x="2060" y="1143"/>
                </a:cubicBezTo>
                <a:cubicBezTo>
                  <a:pt x="2053" y="1143"/>
                  <a:pt x="2048" y="1149"/>
                  <a:pt x="2048" y="1156"/>
                </a:cubicBezTo>
                <a:cubicBezTo>
                  <a:pt x="2048" y="1163"/>
                  <a:pt x="2053" y="1169"/>
                  <a:pt x="2060" y="1169"/>
                </a:cubicBezTo>
                <a:close/>
                <a:moveTo>
                  <a:pt x="2100" y="1143"/>
                </a:moveTo>
                <a:cubicBezTo>
                  <a:pt x="2093" y="1143"/>
                  <a:pt x="2087" y="1149"/>
                  <a:pt x="2087" y="1156"/>
                </a:cubicBezTo>
                <a:cubicBezTo>
                  <a:pt x="2087" y="1163"/>
                  <a:pt x="2093" y="1169"/>
                  <a:pt x="2100" y="1169"/>
                </a:cubicBezTo>
                <a:cubicBezTo>
                  <a:pt x="2107" y="1169"/>
                  <a:pt x="2112" y="1163"/>
                  <a:pt x="2112" y="1156"/>
                </a:cubicBezTo>
                <a:cubicBezTo>
                  <a:pt x="2112" y="1149"/>
                  <a:pt x="2107" y="1143"/>
                  <a:pt x="2100" y="1143"/>
                </a:cubicBezTo>
                <a:close/>
                <a:moveTo>
                  <a:pt x="2730" y="1143"/>
                </a:moveTo>
                <a:cubicBezTo>
                  <a:pt x="2723" y="1143"/>
                  <a:pt x="2718" y="1149"/>
                  <a:pt x="2718" y="1156"/>
                </a:cubicBezTo>
                <a:cubicBezTo>
                  <a:pt x="2718" y="1163"/>
                  <a:pt x="2723" y="1169"/>
                  <a:pt x="2730" y="1169"/>
                </a:cubicBezTo>
                <a:cubicBezTo>
                  <a:pt x="2738" y="1169"/>
                  <a:pt x="2743" y="1163"/>
                  <a:pt x="2743" y="1156"/>
                </a:cubicBezTo>
                <a:cubicBezTo>
                  <a:pt x="2743" y="1149"/>
                  <a:pt x="2738" y="1143"/>
                  <a:pt x="2730" y="1143"/>
                </a:cubicBezTo>
                <a:close/>
                <a:moveTo>
                  <a:pt x="2849" y="1143"/>
                </a:moveTo>
                <a:cubicBezTo>
                  <a:pt x="2842" y="1143"/>
                  <a:pt x="2836" y="1149"/>
                  <a:pt x="2836" y="1156"/>
                </a:cubicBezTo>
                <a:cubicBezTo>
                  <a:pt x="2836" y="1163"/>
                  <a:pt x="2842" y="1169"/>
                  <a:pt x="2849" y="1169"/>
                </a:cubicBezTo>
                <a:cubicBezTo>
                  <a:pt x="2856" y="1169"/>
                  <a:pt x="2862" y="1163"/>
                  <a:pt x="2862" y="1156"/>
                </a:cubicBezTo>
                <a:cubicBezTo>
                  <a:pt x="2862" y="1149"/>
                  <a:pt x="2856" y="1143"/>
                  <a:pt x="2849" y="1143"/>
                </a:cubicBezTo>
                <a:close/>
                <a:moveTo>
                  <a:pt x="2928" y="1169"/>
                </a:moveTo>
                <a:cubicBezTo>
                  <a:pt x="2935" y="1169"/>
                  <a:pt x="2940" y="1163"/>
                  <a:pt x="2940" y="1156"/>
                </a:cubicBezTo>
                <a:cubicBezTo>
                  <a:pt x="2940" y="1149"/>
                  <a:pt x="2935" y="1143"/>
                  <a:pt x="2928" y="1143"/>
                </a:cubicBezTo>
                <a:cubicBezTo>
                  <a:pt x="2921" y="1143"/>
                  <a:pt x="2915" y="1149"/>
                  <a:pt x="2915" y="1156"/>
                </a:cubicBezTo>
                <a:cubicBezTo>
                  <a:pt x="2915" y="1163"/>
                  <a:pt x="2921" y="1169"/>
                  <a:pt x="2928" y="1169"/>
                </a:cubicBezTo>
                <a:close/>
                <a:moveTo>
                  <a:pt x="3046" y="1144"/>
                </a:moveTo>
                <a:cubicBezTo>
                  <a:pt x="3039" y="1144"/>
                  <a:pt x="3034" y="1149"/>
                  <a:pt x="3034" y="1156"/>
                </a:cubicBezTo>
                <a:cubicBezTo>
                  <a:pt x="3034" y="1163"/>
                  <a:pt x="3039" y="1168"/>
                  <a:pt x="3046" y="1168"/>
                </a:cubicBezTo>
                <a:cubicBezTo>
                  <a:pt x="3053" y="1168"/>
                  <a:pt x="3058" y="1163"/>
                  <a:pt x="3058" y="1156"/>
                </a:cubicBezTo>
                <a:cubicBezTo>
                  <a:pt x="3058" y="1149"/>
                  <a:pt x="3053" y="1144"/>
                  <a:pt x="3046" y="1144"/>
                </a:cubicBezTo>
                <a:close/>
                <a:moveTo>
                  <a:pt x="3085" y="1169"/>
                </a:moveTo>
                <a:cubicBezTo>
                  <a:pt x="3092" y="1169"/>
                  <a:pt x="3098" y="1163"/>
                  <a:pt x="3098" y="1156"/>
                </a:cubicBezTo>
                <a:cubicBezTo>
                  <a:pt x="3098" y="1149"/>
                  <a:pt x="3092" y="1143"/>
                  <a:pt x="3085" y="1143"/>
                </a:cubicBezTo>
                <a:cubicBezTo>
                  <a:pt x="3078" y="1143"/>
                  <a:pt x="3073" y="1149"/>
                  <a:pt x="3073" y="1156"/>
                </a:cubicBezTo>
                <a:cubicBezTo>
                  <a:pt x="3073" y="1163"/>
                  <a:pt x="3078" y="1169"/>
                  <a:pt x="3085" y="1169"/>
                </a:cubicBezTo>
                <a:close/>
                <a:moveTo>
                  <a:pt x="3125" y="1167"/>
                </a:moveTo>
                <a:cubicBezTo>
                  <a:pt x="3131" y="1167"/>
                  <a:pt x="3136" y="1162"/>
                  <a:pt x="3136" y="1156"/>
                </a:cubicBezTo>
                <a:cubicBezTo>
                  <a:pt x="3136" y="1150"/>
                  <a:pt x="3131" y="1145"/>
                  <a:pt x="3125" y="1145"/>
                </a:cubicBezTo>
                <a:cubicBezTo>
                  <a:pt x="3118" y="1145"/>
                  <a:pt x="3113" y="1150"/>
                  <a:pt x="3113" y="1156"/>
                </a:cubicBezTo>
                <a:cubicBezTo>
                  <a:pt x="3113" y="1162"/>
                  <a:pt x="3118" y="1167"/>
                  <a:pt x="3125" y="1167"/>
                </a:cubicBezTo>
                <a:close/>
                <a:moveTo>
                  <a:pt x="878" y="1188"/>
                </a:moveTo>
                <a:cubicBezTo>
                  <a:pt x="873" y="1188"/>
                  <a:pt x="870" y="1191"/>
                  <a:pt x="870" y="1195"/>
                </a:cubicBezTo>
                <a:cubicBezTo>
                  <a:pt x="870" y="1199"/>
                  <a:pt x="873" y="1203"/>
                  <a:pt x="878" y="1203"/>
                </a:cubicBezTo>
                <a:cubicBezTo>
                  <a:pt x="882" y="1203"/>
                  <a:pt x="885" y="1199"/>
                  <a:pt x="885" y="1195"/>
                </a:cubicBezTo>
                <a:cubicBezTo>
                  <a:pt x="885" y="1191"/>
                  <a:pt x="882" y="1188"/>
                  <a:pt x="878" y="1188"/>
                </a:cubicBezTo>
                <a:close/>
                <a:moveTo>
                  <a:pt x="917" y="1183"/>
                </a:moveTo>
                <a:cubicBezTo>
                  <a:pt x="910" y="1183"/>
                  <a:pt x="904" y="1188"/>
                  <a:pt x="904" y="1195"/>
                </a:cubicBezTo>
                <a:cubicBezTo>
                  <a:pt x="904" y="1202"/>
                  <a:pt x="910" y="1208"/>
                  <a:pt x="917" y="1208"/>
                </a:cubicBezTo>
                <a:cubicBezTo>
                  <a:pt x="924" y="1208"/>
                  <a:pt x="930" y="1202"/>
                  <a:pt x="930" y="1195"/>
                </a:cubicBezTo>
                <a:cubicBezTo>
                  <a:pt x="930" y="1188"/>
                  <a:pt x="924" y="1183"/>
                  <a:pt x="917" y="1183"/>
                </a:cubicBezTo>
                <a:close/>
                <a:moveTo>
                  <a:pt x="956" y="1183"/>
                </a:moveTo>
                <a:cubicBezTo>
                  <a:pt x="949" y="1183"/>
                  <a:pt x="944" y="1188"/>
                  <a:pt x="944" y="1195"/>
                </a:cubicBezTo>
                <a:cubicBezTo>
                  <a:pt x="944" y="1202"/>
                  <a:pt x="949" y="1208"/>
                  <a:pt x="956" y="1208"/>
                </a:cubicBezTo>
                <a:cubicBezTo>
                  <a:pt x="963" y="1208"/>
                  <a:pt x="969" y="1202"/>
                  <a:pt x="969" y="1195"/>
                </a:cubicBezTo>
                <a:cubicBezTo>
                  <a:pt x="969" y="1188"/>
                  <a:pt x="963" y="1183"/>
                  <a:pt x="956" y="1183"/>
                </a:cubicBezTo>
                <a:close/>
                <a:moveTo>
                  <a:pt x="996" y="1208"/>
                </a:moveTo>
                <a:cubicBezTo>
                  <a:pt x="1003" y="1208"/>
                  <a:pt x="1009" y="1202"/>
                  <a:pt x="1009" y="1195"/>
                </a:cubicBezTo>
                <a:cubicBezTo>
                  <a:pt x="1009" y="1188"/>
                  <a:pt x="1003" y="1183"/>
                  <a:pt x="996" y="1183"/>
                </a:cubicBezTo>
                <a:cubicBezTo>
                  <a:pt x="989" y="1183"/>
                  <a:pt x="983" y="1188"/>
                  <a:pt x="983" y="1195"/>
                </a:cubicBezTo>
                <a:cubicBezTo>
                  <a:pt x="983" y="1202"/>
                  <a:pt x="989" y="1208"/>
                  <a:pt x="996" y="1208"/>
                </a:cubicBezTo>
                <a:close/>
                <a:moveTo>
                  <a:pt x="1035" y="1208"/>
                </a:moveTo>
                <a:cubicBezTo>
                  <a:pt x="1042" y="1208"/>
                  <a:pt x="1048" y="1202"/>
                  <a:pt x="1048" y="1195"/>
                </a:cubicBezTo>
                <a:cubicBezTo>
                  <a:pt x="1048" y="1188"/>
                  <a:pt x="1042" y="1183"/>
                  <a:pt x="1035" y="1183"/>
                </a:cubicBezTo>
                <a:cubicBezTo>
                  <a:pt x="1028" y="1183"/>
                  <a:pt x="1023" y="1188"/>
                  <a:pt x="1023" y="1195"/>
                </a:cubicBezTo>
                <a:cubicBezTo>
                  <a:pt x="1023" y="1202"/>
                  <a:pt x="1028" y="1208"/>
                  <a:pt x="1035" y="1208"/>
                </a:cubicBezTo>
                <a:close/>
                <a:moveTo>
                  <a:pt x="1075" y="1208"/>
                </a:moveTo>
                <a:cubicBezTo>
                  <a:pt x="1082" y="1208"/>
                  <a:pt x="1087" y="1202"/>
                  <a:pt x="1087" y="1195"/>
                </a:cubicBezTo>
                <a:cubicBezTo>
                  <a:pt x="1087" y="1188"/>
                  <a:pt x="1082" y="1183"/>
                  <a:pt x="1075" y="1183"/>
                </a:cubicBezTo>
                <a:cubicBezTo>
                  <a:pt x="1068" y="1183"/>
                  <a:pt x="1062" y="1188"/>
                  <a:pt x="1062" y="1195"/>
                </a:cubicBezTo>
                <a:cubicBezTo>
                  <a:pt x="1062" y="1202"/>
                  <a:pt x="1068" y="1208"/>
                  <a:pt x="1075" y="1208"/>
                </a:cubicBezTo>
                <a:close/>
                <a:moveTo>
                  <a:pt x="1114" y="1183"/>
                </a:moveTo>
                <a:cubicBezTo>
                  <a:pt x="1107" y="1183"/>
                  <a:pt x="1101" y="1188"/>
                  <a:pt x="1101" y="1195"/>
                </a:cubicBezTo>
                <a:cubicBezTo>
                  <a:pt x="1101" y="1202"/>
                  <a:pt x="1107" y="1208"/>
                  <a:pt x="1114" y="1208"/>
                </a:cubicBezTo>
                <a:cubicBezTo>
                  <a:pt x="1121" y="1208"/>
                  <a:pt x="1127" y="1202"/>
                  <a:pt x="1127" y="1195"/>
                </a:cubicBezTo>
                <a:cubicBezTo>
                  <a:pt x="1127" y="1188"/>
                  <a:pt x="1121" y="1183"/>
                  <a:pt x="1114" y="1183"/>
                </a:cubicBezTo>
                <a:close/>
                <a:moveTo>
                  <a:pt x="1154" y="1183"/>
                </a:moveTo>
                <a:cubicBezTo>
                  <a:pt x="1146" y="1183"/>
                  <a:pt x="1141" y="1188"/>
                  <a:pt x="1141" y="1195"/>
                </a:cubicBezTo>
                <a:cubicBezTo>
                  <a:pt x="1141" y="1202"/>
                  <a:pt x="1146" y="1208"/>
                  <a:pt x="1154" y="1208"/>
                </a:cubicBezTo>
                <a:cubicBezTo>
                  <a:pt x="1161" y="1208"/>
                  <a:pt x="1166" y="1202"/>
                  <a:pt x="1166" y="1195"/>
                </a:cubicBezTo>
                <a:cubicBezTo>
                  <a:pt x="1166" y="1188"/>
                  <a:pt x="1161" y="1183"/>
                  <a:pt x="1154" y="1183"/>
                </a:cubicBezTo>
                <a:close/>
                <a:moveTo>
                  <a:pt x="1193" y="1183"/>
                </a:moveTo>
                <a:cubicBezTo>
                  <a:pt x="1186" y="1183"/>
                  <a:pt x="1180" y="1188"/>
                  <a:pt x="1180" y="1195"/>
                </a:cubicBezTo>
                <a:cubicBezTo>
                  <a:pt x="1180" y="1202"/>
                  <a:pt x="1186" y="1208"/>
                  <a:pt x="1193" y="1208"/>
                </a:cubicBezTo>
                <a:cubicBezTo>
                  <a:pt x="1200" y="1208"/>
                  <a:pt x="1206" y="1202"/>
                  <a:pt x="1206" y="1195"/>
                </a:cubicBezTo>
                <a:cubicBezTo>
                  <a:pt x="1206" y="1188"/>
                  <a:pt x="1200" y="1183"/>
                  <a:pt x="1193" y="1183"/>
                </a:cubicBezTo>
                <a:close/>
                <a:moveTo>
                  <a:pt x="1232" y="1183"/>
                </a:moveTo>
                <a:cubicBezTo>
                  <a:pt x="1225" y="1183"/>
                  <a:pt x="1220" y="1188"/>
                  <a:pt x="1220" y="1195"/>
                </a:cubicBezTo>
                <a:cubicBezTo>
                  <a:pt x="1220" y="1202"/>
                  <a:pt x="1225" y="1208"/>
                  <a:pt x="1232" y="1208"/>
                </a:cubicBezTo>
                <a:cubicBezTo>
                  <a:pt x="1239" y="1208"/>
                  <a:pt x="1245" y="1202"/>
                  <a:pt x="1245" y="1195"/>
                </a:cubicBezTo>
                <a:cubicBezTo>
                  <a:pt x="1245" y="1188"/>
                  <a:pt x="1239" y="1183"/>
                  <a:pt x="1232" y="1183"/>
                </a:cubicBezTo>
                <a:close/>
                <a:moveTo>
                  <a:pt x="1272" y="1208"/>
                </a:moveTo>
                <a:cubicBezTo>
                  <a:pt x="1279" y="1208"/>
                  <a:pt x="1285" y="1202"/>
                  <a:pt x="1285" y="1195"/>
                </a:cubicBezTo>
                <a:cubicBezTo>
                  <a:pt x="1285" y="1188"/>
                  <a:pt x="1279" y="1183"/>
                  <a:pt x="1272" y="1183"/>
                </a:cubicBezTo>
                <a:cubicBezTo>
                  <a:pt x="1265" y="1183"/>
                  <a:pt x="1259" y="1188"/>
                  <a:pt x="1259" y="1195"/>
                </a:cubicBezTo>
                <a:cubicBezTo>
                  <a:pt x="1259" y="1202"/>
                  <a:pt x="1265" y="1208"/>
                  <a:pt x="1272" y="1208"/>
                </a:cubicBezTo>
                <a:close/>
                <a:moveTo>
                  <a:pt x="1311" y="1183"/>
                </a:moveTo>
                <a:cubicBezTo>
                  <a:pt x="1304" y="1183"/>
                  <a:pt x="1298" y="1188"/>
                  <a:pt x="1298" y="1195"/>
                </a:cubicBezTo>
                <a:cubicBezTo>
                  <a:pt x="1298" y="1202"/>
                  <a:pt x="1304" y="1208"/>
                  <a:pt x="1311" y="1208"/>
                </a:cubicBezTo>
                <a:cubicBezTo>
                  <a:pt x="1318" y="1208"/>
                  <a:pt x="1324" y="1202"/>
                  <a:pt x="1324" y="1195"/>
                </a:cubicBezTo>
                <a:cubicBezTo>
                  <a:pt x="1324" y="1188"/>
                  <a:pt x="1318" y="1183"/>
                  <a:pt x="1311" y="1183"/>
                </a:cubicBezTo>
                <a:close/>
                <a:moveTo>
                  <a:pt x="1824" y="1183"/>
                </a:moveTo>
                <a:cubicBezTo>
                  <a:pt x="1817" y="1183"/>
                  <a:pt x="1811" y="1188"/>
                  <a:pt x="1811" y="1195"/>
                </a:cubicBezTo>
                <a:cubicBezTo>
                  <a:pt x="1811" y="1202"/>
                  <a:pt x="1817" y="1208"/>
                  <a:pt x="1824" y="1208"/>
                </a:cubicBezTo>
                <a:cubicBezTo>
                  <a:pt x="1831" y="1208"/>
                  <a:pt x="1836" y="1202"/>
                  <a:pt x="1836" y="1195"/>
                </a:cubicBezTo>
                <a:cubicBezTo>
                  <a:pt x="1836" y="1188"/>
                  <a:pt x="1831" y="1183"/>
                  <a:pt x="1824" y="1183"/>
                </a:cubicBezTo>
                <a:close/>
                <a:moveTo>
                  <a:pt x="1863" y="1208"/>
                </a:moveTo>
                <a:cubicBezTo>
                  <a:pt x="1870" y="1208"/>
                  <a:pt x="1876" y="1202"/>
                  <a:pt x="1876" y="1195"/>
                </a:cubicBezTo>
                <a:cubicBezTo>
                  <a:pt x="1876" y="1188"/>
                  <a:pt x="1870" y="1183"/>
                  <a:pt x="1863" y="1183"/>
                </a:cubicBezTo>
                <a:cubicBezTo>
                  <a:pt x="1856" y="1183"/>
                  <a:pt x="1850" y="1188"/>
                  <a:pt x="1850" y="1195"/>
                </a:cubicBezTo>
                <a:cubicBezTo>
                  <a:pt x="1850" y="1202"/>
                  <a:pt x="1856" y="1208"/>
                  <a:pt x="1863" y="1208"/>
                </a:cubicBezTo>
                <a:close/>
                <a:moveTo>
                  <a:pt x="1903" y="1183"/>
                </a:moveTo>
                <a:cubicBezTo>
                  <a:pt x="1896" y="1183"/>
                  <a:pt x="1890" y="1188"/>
                  <a:pt x="1890" y="1195"/>
                </a:cubicBezTo>
                <a:cubicBezTo>
                  <a:pt x="1890" y="1202"/>
                  <a:pt x="1896" y="1208"/>
                  <a:pt x="1903" y="1208"/>
                </a:cubicBezTo>
                <a:cubicBezTo>
                  <a:pt x="1910" y="1208"/>
                  <a:pt x="1915" y="1202"/>
                  <a:pt x="1915" y="1195"/>
                </a:cubicBezTo>
                <a:cubicBezTo>
                  <a:pt x="1915" y="1188"/>
                  <a:pt x="1910" y="1183"/>
                  <a:pt x="1903" y="1183"/>
                </a:cubicBezTo>
                <a:close/>
                <a:moveTo>
                  <a:pt x="1942" y="1183"/>
                </a:moveTo>
                <a:cubicBezTo>
                  <a:pt x="1935" y="1183"/>
                  <a:pt x="1929" y="1188"/>
                  <a:pt x="1929" y="1195"/>
                </a:cubicBezTo>
                <a:cubicBezTo>
                  <a:pt x="1929" y="1202"/>
                  <a:pt x="1935" y="1208"/>
                  <a:pt x="1942" y="1208"/>
                </a:cubicBezTo>
                <a:cubicBezTo>
                  <a:pt x="1949" y="1208"/>
                  <a:pt x="1955" y="1202"/>
                  <a:pt x="1955" y="1195"/>
                </a:cubicBezTo>
                <a:cubicBezTo>
                  <a:pt x="1955" y="1188"/>
                  <a:pt x="1949" y="1183"/>
                  <a:pt x="1942" y="1183"/>
                </a:cubicBezTo>
                <a:close/>
                <a:moveTo>
                  <a:pt x="1981" y="1183"/>
                </a:moveTo>
                <a:cubicBezTo>
                  <a:pt x="1974" y="1183"/>
                  <a:pt x="1969" y="1188"/>
                  <a:pt x="1969" y="1195"/>
                </a:cubicBezTo>
                <a:cubicBezTo>
                  <a:pt x="1969" y="1202"/>
                  <a:pt x="1974" y="1208"/>
                  <a:pt x="1981" y="1208"/>
                </a:cubicBezTo>
                <a:cubicBezTo>
                  <a:pt x="1988" y="1208"/>
                  <a:pt x="1994" y="1202"/>
                  <a:pt x="1994" y="1195"/>
                </a:cubicBezTo>
                <a:cubicBezTo>
                  <a:pt x="1994" y="1188"/>
                  <a:pt x="1988" y="1183"/>
                  <a:pt x="1981" y="1183"/>
                </a:cubicBezTo>
                <a:close/>
                <a:moveTo>
                  <a:pt x="2021" y="1183"/>
                </a:moveTo>
                <a:cubicBezTo>
                  <a:pt x="2014" y="1183"/>
                  <a:pt x="2008" y="1188"/>
                  <a:pt x="2008" y="1195"/>
                </a:cubicBezTo>
                <a:cubicBezTo>
                  <a:pt x="2008" y="1202"/>
                  <a:pt x="2014" y="1208"/>
                  <a:pt x="2021" y="1208"/>
                </a:cubicBezTo>
                <a:cubicBezTo>
                  <a:pt x="2028" y="1208"/>
                  <a:pt x="2034" y="1202"/>
                  <a:pt x="2034" y="1195"/>
                </a:cubicBezTo>
                <a:cubicBezTo>
                  <a:pt x="2034" y="1188"/>
                  <a:pt x="2028" y="1183"/>
                  <a:pt x="2021" y="1183"/>
                </a:cubicBezTo>
                <a:close/>
                <a:moveTo>
                  <a:pt x="2060" y="1183"/>
                </a:moveTo>
                <a:cubicBezTo>
                  <a:pt x="2053" y="1183"/>
                  <a:pt x="2048" y="1188"/>
                  <a:pt x="2048" y="1195"/>
                </a:cubicBezTo>
                <a:cubicBezTo>
                  <a:pt x="2048" y="1202"/>
                  <a:pt x="2053" y="1208"/>
                  <a:pt x="2060" y="1208"/>
                </a:cubicBezTo>
                <a:cubicBezTo>
                  <a:pt x="2067" y="1208"/>
                  <a:pt x="2073" y="1202"/>
                  <a:pt x="2073" y="1195"/>
                </a:cubicBezTo>
                <a:cubicBezTo>
                  <a:pt x="2073" y="1188"/>
                  <a:pt x="2067" y="1183"/>
                  <a:pt x="2060" y="1183"/>
                </a:cubicBezTo>
                <a:close/>
                <a:moveTo>
                  <a:pt x="2770" y="1183"/>
                </a:moveTo>
                <a:cubicBezTo>
                  <a:pt x="2763" y="1183"/>
                  <a:pt x="2757" y="1188"/>
                  <a:pt x="2757" y="1195"/>
                </a:cubicBezTo>
                <a:cubicBezTo>
                  <a:pt x="2757" y="1202"/>
                  <a:pt x="2763" y="1208"/>
                  <a:pt x="2770" y="1208"/>
                </a:cubicBezTo>
                <a:cubicBezTo>
                  <a:pt x="2777" y="1208"/>
                  <a:pt x="2783" y="1202"/>
                  <a:pt x="2783" y="1195"/>
                </a:cubicBezTo>
                <a:cubicBezTo>
                  <a:pt x="2783" y="1188"/>
                  <a:pt x="2777" y="1183"/>
                  <a:pt x="2770" y="1183"/>
                </a:cubicBezTo>
                <a:close/>
                <a:moveTo>
                  <a:pt x="3125" y="1208"/>
                </a:moveTo>
                <a:cubicBezTo>
                  <a:pt x="3132" y="1208"/>
                  <a:pt x="3137" y="1202"/>
                  <a:pt x="3137" y="1195"/>
                </a:cubicBezTo>
                <a:cubicBezTo>
                  <a:pt x="3137" y="1188"/>
                  <a:pt x="3132" y="1183"/>
                  <a:pt x="3125" y="1183"/>
                </a:cubicBezTo>
                <a:cubicBezTo>
                  <a:pt x="3118" y="1183"/>
                  <a:pt x="3112" y="1188"/>
                  <a:pt x="3112" y="1195"/>
                </a:cubicBezTo>
                <a:cubicBezTo>
                  <a:pt x="3112" y="1202"/>
                  <a:pt x="3118" y="1208"/>
                  <a:pt x="3125" y="1208"/>
                </a:cubicBezTo>
                <a:close/>
                <a:moveTo>
                  <a:pt x="3164" y="1208"/>
                </a:moveTo>
                <a:cubicBezTo>
                  <a:pt x="3171" y="1208"/>
                  <a:pt x="3177" y="1202"/>
                  <a:pt x="3177" y="1195"/>
                </a:cubicBezTo>
                <a:cubicBezTo>
                  <a:pt x="3177" y="1188"/>
                  <a:pt x="3171" y="1183"/>
                  <a:pt x="3164" y="1183"/>
                </a:cubicBezTo>
                <a:cubicBezTo>
                  <a:pt x="3157" y="1183"/>
                  <a:pt x="3151" y="1188"/>
                  <a:pt x="3151" y="1195"/>
                </a:cubicBezTo>
                <a:cubicBezTo>
                  <a:pt x="3151" y="1202"/>
                  <a:pt x="3157" y="1208"/>
                  <a:pt x="3164" y="1208"/>
                </a:cubicBezTo>
                <a:close/>
                <a:moveTo>
                  <a:pt x="917" y="1222"/>
                </a:moveTo>
                <a:cubicBezTo>
                  <a:pt x="910" y="1222"/>
                  <a:pt x="904" y="1228"/>
                  <a:pt x="904" y="1235"/>
                </a:cubicBezTo>
                <a:cubicBezTo>
                  <a:pt x="904" y="1242"/>
                  <a:pt x="910" y="1248"/>
                  <a:pt x="917" y="1248"/>
                </a:cubicBezTo>
                <a:cubicBezTo>
                  <a:pt x="924" y="1248"/>
                  <a:pt x="930" y="1242"/>
                  <a:pt x="930" y="1235"/>
                </a:cubicBezTo>
                <a:cubicBezTo>
                  <a:pt x="930" y="1228"/>
                  <a:pt x="924" y="1222"/>
                  <a:pt x="917" y="1222"/>
                </a:cubicBezTo>
                <a:close/>
                <a:moveTo>
                  <a:pt x="956" y="1222"/>
                </a:moveTo>
                <a:cubicBezTo>
                  <a:pt x="949" y="1222"/>
                  <a:pt x="944" y="1228"/>
                  <a:pt x="944" y="1235"/>
                </a:cubicBezTo>
                <a:cubicBezTo>
                  <a:pt x="944" y="1242"/>
                  <a:pt x="949" y="1248"/>
                  <a:pt x="956" y="1248"/>
                </a:cubicBezTo>
                <a:cubicBezTo>
                  <a:pt x="963" y="1248"/>
                  <a:pt x="969" y="1242"/>
                  <a:pt x="969" y="1235"/>
                </a:cubicBezTo>
                <a:cubicBezTo>
                  <a:pt x="969" y="1228"/>
                  <a:pt x="963" y="1222"/>
                  <a:pt x="956" y="1222"/>
                </a:cubicBezTo>
                <a:close/>
                <a:moveTo>
                  <a:pt x="996" y="1222"/>
                </a:moveTo>
                <a:cubicBezTo>
                  <a:pt x="989" y="1222"/>
                  <a:pt x="983" y="1228"/>
                  <a:pt x="983" y="1235"/>
                </a:cubicBezTo>
                <a:cubicBezTo>
                  <a:pt x="983" y="1242"/>
                  <a:pt x="989" y="1248"/>
                  <a:pt x="996" y="1248"/>
                </a:cubicBezTo>
                <a:cubicBezTo>
                  <a:pt x="1003" y="1248"/>
                  <a:pt x="1009" y="1242"/>
                  <a:pt x="1009" y="1235"/>
                </a:cubicBezTo>
                <a:cubicBezTo>
                  <a:pt x="1009" y="1228"/>
                  <a:pt x="1003" y="1222"/>
                  <a:pt x="996" y="1222"/>
                </a:cubicBezTo>
                <a:close/>
                <a:moveTo>
                  <a:pt x="1035" y="1222"/>
                </a:moveTo>
                <a:cubicBezTo>
                  <a:pt x="1028" y="1222"/>
                  <a:pt x="1023" y="1228"/>
                  <a:pt x="1023" y="1235"/>
                </a:cubicBezTo>
                <a:cubicBezTo>
                  <a:pt x="1023" y="1242"/>
                  <a:pt x="1028" y="1248"/>
                  <a:pt x="1035" y="1248"/>
                </a:cubicBezTo>
                <a:cubicBezTo>
                  <a:pt x="1042" y="1248"/>
                  <a:pt x="1048" y="1242"/>
                  <a:pt x="1048" y="1235"/>
                </a:cubicBezTo>
                <a:cubicBezTo>
                  <a:pt x="1048" y="1228"/>
                  <a:pt x="1042" y="1222"/>
                  <a:pt x="1035" y="1222"/>
                </a:cubicBezTo>
                <a:close/>
                <a:moveTo>
                  <a:pt x="1075" y="1222"/>
                </a:moveTo>
                <a:cubicBezTo>
                  <a:pt x="1068" y="1222"/>
                  <a:pt x="1062" y="1228"/>
                  <a:pt x="1062" y="1235"/>
                </a:cubicBezTo>
                <a:cubicBezTo>
                  <a:pt x="1062" y="1242"/>
                  <a:pt x="1068" y="1248"/>
                  <a:pt x="1075" y="1248"/>
                </a:cubicBezTo>
                <a:cubicBezTo>
                  <a:pt x="1082" y="1248"/>
                  <a:pt x="1087" y="1242"/>
                  <a:pt x="1087" y="1235"/>
                </a:cubicBezTo>
                <a:cubicBezTo>
                  <a:pt x="1087" y="1228"/>
                  <a:pt x="1082" y="1222"/>
                  <a:pt x="1075" y="1222"/>
                </a:cubicBezTo>
                <a:close/>
                <a:moveTo>
                  <a:pt x="1114" y="1248"/>
                </a:moveTo>
                <a:cubicBezTo>
                  <a:pt x="1121" y="1248"/>
                  <a:pt x="1127" y="1242"/>
                  <a:pt x="1127" y="1235"/>
                </a:cubicBezTo>
                <a:cubicBezTo>
                  <a:pt x="1127" y="1228"/>
                  <a:pt x="1121" y="1222"/>
                  <a:pt x="1114" y="1222"/>
                </a:cubicBezTo>
                <a:cubicBezTo>
                  <a:pt x="1107" y="1222"/>
                  <a:pt x="1101" y="1228"/>
                  <a:pt x="1101" y="1235"/>
                </a:cubicBezTo>
                <a:cubicBezTo>
                  <a:pt x="1101" y="1242"/>
                  <a:pt x="1107" y="1248"/>
                  <a:pt x="1114" y="1248"/>
                </a:cubicBezTo>
                <a:close/>
                <a:moveTo>
                  <a:pt x="1154" y="1248"/>
                </a:moveTo>
                <a:cubicBezTo>
                  <a:pt x="1161" y="1248"/>
                  <a:pt x="1166" y="1242"/>
                  <a:pt x="1166" y="1235"/>
                </a:cubicBezTo>
                <a:cubicBezTo>
                  <a:pt x="1166" y="1228"/>
                  <a:pt x="1161" y="1222"/>
                  <a:pt x="1154" y="1222"/>
                </a:cubicBezTo>
                <a:cubicBezTo>
                  <a:pt x="1146" y="1222"/>
                  <a:pt x="1141" y="1228"/>
                  <a:pt x="1141" y="1235"/>
                </a:cubicBezTo>
                <a:cubicBezTo>
                  <a:pt x="1141" y="1242"/>
                  <a:pt x="1146" y="1248"/>
                  <a:pt x="1154" y="1248"/>
                </a:cubicBezTo>
                <a:close/>
                <a:moveTo>
                  <a:pt x="1193" y="1222"/>
                </a:moveTo>
                <a:cubicBezTo>
                  <a:pt x="1186" y="1222"/>
                  <a:pt x="1180" y="1228"/>
                  <a:pt x="1180" y="1235"/>
                </a:cubicBezTo>
                <a:cubicBezTo>
                  <a:pt x="1180" y="1242"/>
                  <a:pt x="1186" y="1248"/>
                  <a:pt x="1193" y="1248"/>
                </a:cubicBezTo>
                <a:cubicBezTo>
                  <a:pt x="1200" y="1248"/>
                  <a:pt x="1206" y="1242"/>
                  <a:pt x="1206" y="1235"/>
                </a:cubicBezTo>
                <a:cubicBezTo>
                  <a:pt x="1206" y="1228"/>
                  <a:pt x="1200" y="1222"/>
                  <a:pt x="1193" y="1222"/>
                </a:cubicBezTo>
                <a:close/>
                <a:moveTo>
                  <a:pt x="1232" y="1248"/>
                </a:moveTo>
                <a:cubicBezTo>
                  <a:pt x="1239" y="1248"/>
                  <a:pt x="1245" y="1242"/>
                  <a:pt x="1245" y="1235"/>
                </a:cubicBezTo>
                <a:cubicBezTo>
                  <a:pt x="1245" y="1228"/>
                  <a:pt x="1239" y="1222"/>
                  <a:pt x="1232" y="1222"/>
                </a:cubicBezTo>
                <a:cubicBezTo>
                  <a:pt x="1225" y="1222"/>
                  <a:pt x="1220" y="1228"/>
                  <a:pt x="1220" y="1235"/>
                </a:cubicBezTo>
                <a:cubicBezTo>
                  <a:pt x="1220" y="1242"/>
                  <a:pt x="1225" y="1248"/>
                  <a:pt x="1232" y="1248"/>
                </a:cubicBezTo>
                <a:close/>
                <a:moveTo>
                  <a:pt x="1272" y="1222"/>
                </a:moveTo>
                <a:cubicBezTo>
                  <a:pt x="1265" y="1222"/>
                  <a:pt x="1259" y="1228"/>
                  <a:pt x="1259" y="1235"/>
                </a:cubicBezTo>
                <a:cubicBezTo>
                  <a:pt x="1259" y="1242"/>
                  <a:pt x="1265" y="1248"/>
                  <a:pt x="1272" y="1248"/>
                </a:cubicBezTo>
                <a:cubicBezTo>
                  <a:pt x="1279" y="1248"/>
                  <a:pt x="1285" y="1242"/>
                  <a:pt x="1285" y="1235"/>
                </a:cubicBezTo>
                <a:cubicBezTo>
                  <a:pt x="1285" y="1228"/>
                  <a:pt x="1279" y="1222"/>
                  <a:pt x="1272" y="1222"/>
                </a:cubicBezTo>
                <a:close/>
                <a:moveTo>
                  <a:pt x="1311" y="1222"/>
                </a:moveTo>
                <a:cubicBezTo>
                  <a:pt x="1304" y="1222"/>
                  <a:pt x="1298" y="1228"/>
                  <a:pt x="1298" y="1235"/>
                </a:cubicBezTo>
                <a:cubicBezTo>
                  <a:pt x="1298" y="1242"/>
                  <a:pt x="1304" y="1248"/>
                  <a:pt x="1311" y="1248"/>
                </a:cubicBezTo>
                <a:cubicBezTo>
                  <a:pt x="1318" y="1248"/>
                  <a:pt x="1324" y="1242"/>
                  <a:pt x="1324" y="1235"/>
                </a:cubicBezTo>
                <a:cubicBezTo>
                  <a:pt x="1324" y="1228"/>
                  <a:pt x="1318" y="1222"/>
                  <a:pt x="1311" y="1222"/>
                </a:cubicBezTo>
                <a:close/>
                <a:moveTo>
                  <a:pt x="1863" y="1248"/>
                </a:moveTo>
                <a:cubicBezTo>
                  <a:pt x="1870" y="1248"/>
                  <a:pt x="1876" y="1242"/>
                  <a:pt x="1876" y="1235"/>
                </a:cubicBezTo>
                <a:cubicBezTo>
                  <a:pt x="1876" y="1228"/>
                  <a:pt x="1870" y="1222"/>
                  <a:pt x="1863" y="1222"/>
                </a:cubicBezTo>
                <a:cubicBezTo>
                  <a:pt x="1856" y="1222"/>
                  <a:pt x="1850" y="1228"/>
                  <a:pt x="1850" y="1235"/>
                </a:cubicBezTo>
                <a:cubicBezTo>
                  <a:pt x="1850" y="1242"/>
                  <a:pt x="1856" y="1248"/>
                  <a:pt x="1863" y="1248"/>
                </a:cubicBezTo>
                <a:close/>
                <a:moveTo>
                  <a:pt x="1903" y="1222"/>
                </a:moveTo>
                <a:cubicBezTo>
                  <a:pt x="1896" y="1222"/>
                  <a:pt x="1890" y="1228"/>
                  <a:pt x="1890" y="1235"/>
                </a:cubicBezTo>
                <a:cubicBezTo>
                  <a:pt x="1890" y="1242"/>
                  <a:pt x="1896" y="1248"/>
                  <a:pt x="1903" y="1248"/>
                </a:cubicBezTo>
                <a:cubicBezTo>
                  <a:pt x="1910" y="1248"/>
                  <a:pt x="1915" y="1242"/>
                  <a:pt x="1915" y="1235"/>
                </a:cubicBezTo>
                <a:cubicBezTo>
                  <a:pt x="1915" y="1228"/>
                  <a:pt x="1910" y="1222"/>
                  <a:pt x="1903" y="1222"/>
                </a:cubicBezTo>
                <a:close/>
                <a:moveTo>
                  <a:pt x="1942" y="1222"/>
                </a:moveTo>
                <a:cubicBezTo>
                  <a:pt x="1935" y="1222"/>
                  <a:pt x="1929" y="1228"/>
                  <a:pt x="1929" y="1235"/>
                </a:cubicBezTo>
                <a:cubicBezTo>
                  <a:pt x="1929" y="1242"/>
                  <a:pt x="1935" y="1248"/>
                  <a:pt x="1942" y="1248"/>
                </a:cubicBezTo>
                <a:cubicBezTo>
                  <a:pt x="1949" y="1248"/>
                  <a:pt x="1955" y="1242"/>
                  <a:pt x="1955" y="1235"/>
                </a:cubicBezTo>
                <a:cubicBezTo>
                  <a:pt x="1955" y="1228"/>
                  <a:pt x="1949" y="1222"/>
                  <a:pt x="1942" y="1222"/>
                </a:cubicBezTo>
                <a:close/>
                <a:moveTo>
                  <a:pt x="1981" y="1222"/>
                </a:moveTo>
                <a:cubicBezTo>
                  <a:pt x="1974" y="1222"/>
                  <a:pt x="1969" y="1228"/>
                  <a:pt x="1969" y="1235"/>
                </a:cubicBezTo>
                <a:cubicBezTo>
                  <a:pt x="1969" y="1242"/>
                  <a:pt x="1974" y="1248"/>
                  <a:pt x="1981" y="1248"/>
                </a:cubicBezTo>
                <a:cubicBezTo>
                  <a:pt x="1988" y="1248"/>
                  <a:pt x="1994" y="1242"/>
                  <a:pt x="1994" y="1235"/>
                </a:cubicBezTo>
                <a:cubicBezTo>
                  <a:pt x="1994" y="1228"/>
                  <a:pt x="1988" y="1222"/>
                  <a:pt x="1981" y="1222"/>
                </a:cubicBezTo>
                <a:close/>
                <a:moveTo>
                  <a:pt x="2021" y="1222"/>
                </a:moveTo>
                <a:cubicBezTo>
                  <a:pt x="2014" y="1222"/>
                  <a:pt x="2008" y="1228"/>
                  <a:pt x="2008" y="1235"/>
                </a:cubicBezTo>
                <a:cubicBezTo>
                  <a:pt x="2008" y="1242"/>
                  <a:pt x="2014" y="1248"/>
                  <a:pt x="2021" y="1248"/>
                </a:cubicBezTo>
                <a:cubicBezTo>
                  <a:pt x="2028" y="1248"/>
                  <a:pt x="2034" y="1242"/>
                  <a:pt x="2034" y="1235"/>
                </a:cubicBezTo>
                <a:cubicBezTo>
                  <a:pt x="2034" y="1228"/>
                  <a:pt x="2028" y="1222"/>
                  <a:pt x="2021" y="1222"/>
                </a:cubicBezTo>
                <a:close/>
                <a:moveTo>
                  <a:pt x="2060" y="1222"/>
                </a:moveTo>
                <a:cubicBezTo>
                  <a:pt x="2053" y="1222"/>
                  <a:pt x="2048" y="1228"/>
                  <a:pt x="2048" y="1235"/>
                </a:cubicBezTo>
                <a:cubicBezTo>
                  <a:pt x="2048" y="1242"/>
                  <a:pt x="2053" y="1248"/>
                  <a:pt x="2060" y="1248"/>
                </a:cubicBezTo>
                <a:cubicBezTo>
                  <a:pt x="2067" y="1248"/>
                  <a:pt x="2073" y="1242"/>
                  <a:pt x="2073" y="1235"/>
                </a:cubicBezTo>
                <a:cubicBezTo>
                  <a:pt x="2073" y="1228"/>
                  <a:pt x="2067" y="1222"/>
                  <a:pt x="2060" y="1222"/>
                </a:cubicBezTo>
                <a:close/>
                <a:moveTo>
                  <a:pt x="2100" y="1222"/>
                </a:moveTo>
                <a:cubicBezTo>
                  <a:pt x="2093" y="1222"/>
                  <a:pt x="2087" y="1228"/>
                  <a:pt x="2087" y="1235"/>
                </a:cubicBezTo>
                <a:cubicBezTo>
                  <a:pt x="2087" y="1242"/>
                  <a:pt x="2093" y="1248"/>
                  <a:pt x="2100" y="1248"/>
                </a:cubicBezTo>
                <a:cubicBezTo>
                  <a:pt x="2107" y="1248"/>
                  <a:pt x="2112" y="1242"/>
                  <a:pt x="2112" y="1235"/>
                </a:cubicBezTo>
                <a:cubicBezTo>
                  <a:pt x="2112" y="1228"/>
                  <a:pt x="2107" y="1222"/>
                  <a:pt x="2100" y="1222"/>
                </a:cubicBezTo>
                <a:close/>
                <a:moveTo>
                  <a:pt x="956" y="1287"/>
                </a:moveTo>
                <a:cubicBezTo>
                  <a:pt x="963" y="1287"/>
                  <a:pt x="969" y="1281"/>
                  <a:pt x="969" y="1274"/>
                </a:cubicBezTo>
                <a:cubicBezTo>
                  <a:pt x="969" y="1267"/>
                  <a:pt x="963" y="1261"/>
                  <a:pt x="956" y="1261"/>
                </a:cubicBezTo>
                <a:cubicBezTo>
                  <a:pt x="949" y="1261"/>
                  <a:pt x="944" y="1267"/>
                  <a:pt x="944" y="1274"/>
                </a:cubicBezTo>
                <a:cubicBezTo>
                  <a:pt x="944" y="1281"/>
                  <a:pt x="949" y="1287"/>
                  <a:pt x="956" y="1287"/>
                </a:cubicBezTo>
                <a:close/>
                <a:moveTo>
                  <a:pt x="996" y="1261"/>
                </a:moveTo>
                <a:cubicBezTo>
                  <a:pt x="989" y="1261"/>
                  <a:pt x="983" y="1267"/>
                  <a:pt x="983" y="1274"/>
                </a:cubicBezTo>
                <a:cubicBezTo>
                  <a:pt x="983" y="1281"/>
                  <a:pt x="989" y="1287"/>
                  <a:pt x="996" y="1287"/>
                </a:cubicBezTo>
                <a:cubicBezTo>
                  <a:pt x="1003" y="1287"/>
                  <a:pt x="1009" y="1281"/>
                  <a:pt x="1009" y="1274"/>
                </a:cubicBezTo>
                <a:cubicBezTo>
                  <a:pt x="1009" y="1267"/>
                  <a:pt x="1003" y="1261"/>
                  <a:pt x="996" y="1261"/>
                </a:cubicBezTo>
                <a:close/>
                <a:moveTo>
                  <a:pt x="1035" y="1261"/>
                </a:moveTo>
                <a:cubicBezTo>
                  <a:pt x="1028" y="1261"/>
                  <a:pt x="1023" y="1267"/>
                  <a:pt x="1023" y="1274"/>
                </a:cubicBezTo>
                <a:cubicBezTo>
                  <a:pt x="1023" y="1281"/>
                  <a:pt x="1028" y="1287"/>
                  <a:pt x="1035" y="1287"/>
                </a:cubicBezTo>
                <a:cubicBezTo>
                  <a:pt x="1042" y="1287"/>
                  <a:pt x="1048" y="1281"/>
                  <a:pt x="1048" y="1274"/>
                </a:cubicBezTo>
                <a:cubicBezTo>
                  <a:pt x="1048" y="1267"/>
                  <a:pt x="1042" y="1261"/>
                  <a:pt x="1035" y="1261"/>
                </a:cubicBezTo>
                <a:close/>
                <a:moveTo>
                  <a:pt x="1075" y="1261"/>
                </a:moveTo>
                <a:cubicBezTo>
                  <a:pt x="1068" y="1261"/>
                  <a:pt x="1062" y="1267"/>
                  <a:pt x="1062" y="1274"/>
                </a:cubicBezTo>
                <a:cubicBezTo>
                  <a:pt x="1062" y="1281"/>
                  <a:pt x="1068" y="1287"/>
                  <a:pt x="1075" y="1287"/>
                </a:cubicBezTo>
                <a:cubicBezTo>
                  <a:pt x="1082" y="1287"/>
                  <a:pt x="1087" y="1281"/>
                  <a:pt x="1087" y="1274"/>
                </a:cubicBezTo>
                <a:cubicBezTo>
                  <a:pt x="1087" y="1267"/>
                  <a:pt x="1082" y="1261"/>
                  <a:pt x="1075" y="1261"/>
                </a:cubicBezTo>
                <a:close/>
                <a:moveTo>
                  <a:pt x="1114" y="1261"/>
                </a:moveTo>
                <a:cubicBezTo>
                  <a:pt x="1107" y="1261"/>
                  <a:pt x="1101" y="1267"/>
                  <a:pt x="1101" y="1274"/>
                </a:cubicBezTo>
                <a:cubicBezTo>
                  <a:pt x="1101" y="1281"/>
                  <a:pt x="1107" y="1287"/>
                  <a:pt x="1114" y="1287"/>
                </a:cubicBezTo>
                <a:cubicBezTo>
                  <a:pt x="1121" y="1287"/>
                  <a:pt x="1127" y="1281"/>
                  <a:pt x="1127" y="1274"/>
                </a:cubicBezTo>
                <a:cubicBezTo>
                  <a:pt x="1127" y="1267"/>
                  <a:pt x="1121" y="1261"/>
                  <a:pt x="1114" y="1261"/>
                </a:cubicBezTo>
                <a:close/>
                <a:moveTo>
                  <a:pt x="1141" y="1274"/>
                </a:moveTo>
                <a:cubicBezTo>
                  <a:pt x="1141" y="1281"/>
                  <a:pt x="1146" y="1287"/>
                  <a:pt x="1154" y="1287"/>
                </a:cubicBezTo>
                <a:cubicBezTo>
                  <a:pt x="1161" y="1287"/>
                  <a:pt x="1166" y="1281"/>
                  <a:pt x="1166" y="1274"/>
                </a:cubicBezTo>
                <a:cubicBezTo>
                  <a:pt x="1166" y="1267"/>
                  <a:pt x="1161" y="1261"/>
                  <a:pt x="1154" y="1261"/>
                </a:cubicBezTo>
                <a:cubicBezTo>
                  <a:pt x="1146" y="1261"/>
                  <a:pt x="1141" y="1267"/>
                  <a:pt x="1141" y="1274"/>
                </a:cubicBezTo>
                <a:close/>
                <a:moveTo>
                  <a:pt x="1180" y="1274"/>
                </a:moveTo>
                <a:cubicBezTo>
                  <a:pt x="1180" y="1281"/>
                  <a:pt x="1186" y="1287"/>
                  <a:pt x="1193" y="1287"/>
                </a:cubicBezTo>
                <a:cubicBezTo>
                  <a:pt x="1200" y="1287"/>
                  <a:pt x="1206" y="1281"/>
                  <a:pt x="1206" y="1274"/>
                </a:cubicBezTo>
                <a:cubicBezTo>
                  <a:pt x="1206" y="1267"/>
                  <a:pt x="1200" y="1261"/>
                  <a:pt x="1193" y="1261"/>
                </a:cubicBezTo>
                <a:cubicBezTo>
                  <a:pt x="1186" y="1261"/>
                  <a:pt x="1180" y="1267"/>
                  <a:pt x="1180" y="1274"/>
                </a:cubicBezTo>
                <a:close/>
                <a:moveTo>
                  <a:pt x="1232" y="1287"/>
                </a:moveTo>
                <a:cubicBezTo>
                  <a:pt x="1239" y="1287"/>
                  <a:pt x="1245" y="1281"/>
                  <a:pt x="1245" y="1274"/>
                </a:cubicBezTo>
                <a:cubicBezTo>
                  <a:pt x="1245" y="1267"/>
                  <a:pt x="1239" y="1261"/>
                  <a:pt x="1232" y="1261"/>
                </a:cubicBezTo>
                <a:cubicBezTo>
                  <a:pt x="1225" y="1261"/>
                  <a:pt x="1220" y="1267"/>
                  <a:pt x="1220" y="1274"/>
                </a:cubicBezTo>
                <a:cubicBezTo>
                  <a:pt x="1220" y="1281"/>
                  <a:pt x="1225" y="1287"/>
                  <a:pt x="1232" y="1287"/>
                </a:cubicBezTo>
                <a:close/>
                <a:moveTo>
                  <a:pt x="1272" y="1261"/>
                </a:moveTo>
                <a:cubicBezTo>
                  <a:pt x="1265" y="1261"/>
                  <a:pt x="1259" y="1267"/>
                  <a:pt x="1259" y="1274"/>
                </a:cubicBezTo>
                <a:cubicBezTo>
                  <a:pt x="1259" y="1281"/>
                  <a:pt x="1265" y="1287"/>
                  <a:pt x="1272" y="1287"/>
                </a:cubicBezTo>
                <a:cubicBezTo>
                  <a:pt x="1279" y="1287"/>
                  <a:pt x="1285" y="1281"/>
                  <a:pt x="1285" y="1274"/>
                </a:cubicBezTo>
                <a:cubicBezTo>
                  <a:pt x="1285" y="1267"/>
                  <a:pt x="1279" y="1261"/>
                  <a:pt x="1272" y="1261"/>
                </a:cubicBezTo>
                <a:close/>
                <a:moveTo>
                  <a:pt x="1824" y="1261"/>
                </a:moveTo>
                <a:cubicBezTo>
                  <a:pt x="1817" y="1261"/>
                  <a:pt x="1811" y="1267"/>
                  <a:pt x="1811" y="1274"/>
                </a:cubicBezTo>
                <a:cubicBezTo>
                  <a:pt x="1811" y="1281"/>
                  <a:pt x="1817" y="1287"/>
                  <a:pt x="1824" y="1287"/>
                </a:cubicBezTo>
                <a:cubicBezTo>
                  <a:pt x="1831" y="1287"/>
                  <a:pt x="1837" y="1281"/>
                  <a:pt x="1837" y="1274"/>
                </a:cubicBezTo>
                <a:cubicBezTo>
                  <a:pt x="1837" y="1267"/>
                  <a:pt x="1831" y="1261"/>
                  <a:pt x="1824" y="1261"/>
                </a:cubicBezTo>
                <a:close/>
                <a:moveTo>
                  <a:pt x="1863" y="1287"/>
                </a:moveTo>
                <a:cubicBezTo>
                  <a:pt x="1870" y="1287"/>
                  <a:pt x="1876" y="1281"/>
                  <a:pt x="1876" y="1274"/>
                </a:cubicBezTo>
                <a:cubicBezTo>
                  <a:pt x="1876" y="1267"/>
                  <a:pt x="1870" y="1261"/>
                  <a:pt x="1863" y="1261"/>
                </a:cubicBezTo>
                <a:cubicBezTo>
                  <a:pt x="1856" y="1261"/>
                  <a:pt x="1850" y="1267"/>
                  <a:pt x="1850" y="1274"/>
                </a:cubicBezTo>
                <a:cubicBezTo>
                  <a:pt x="1850" y="1281"/>
                  <a:pt x="1856" y="1287"/>
                  <a:pt x="1863" y="1287"/>
                </a:cubicBezTo>
                <a:close/>
                <a:moveTo>
                  <a:pt x="1903" y="1261"/>
                </a:moveTo>
                <a:cubicBezTo>
                  <a:pt x="1896" y="1261"/>
                  <a:pt x="1890" y="1267"/>
                  <a:pt x="1890" y="1274"/>
                </a:cubicBezTo>
                <a:cubicBezTo>
                  <a:pt x="1890" y="1281"/>
                  <a:pt x="1896" y="1287"/>
                  <a:pt x="1903" y="1287"/>
                </a:cubicBezTo>
                <a:cubicBezTo>
                  <a:pt x="1910" y="1287"/>
                  <a:pt x="1915" y="1281"/>
                  <a:pt x="1915" y="1274"/>
                </a:cubicBezTo>
                <a:cubicBezTo>
                  <a:pt x="1915" y="1267"/>
                  <a:pt x="1910" y="1261"/>
                  <a:pt x="1903" y="1261"/>
                </a:cubicBezTo>
                <a:close/>
                <a:moveTo>
                  <a:pt x="1942" y="1261"/>
                </a:moveTo>
                <a:cubicBezTo>
                  <a:pt x="1935" y="1261"/>
                  <a:pt x="1929" y="1267"/>
                  <a:pt x="1929" y="1274"/>
                </a:cubicBezTo>
                <a:cubicBezTo>
                  <a:pt x="1929" y="1281"/>
                  <a:pt x="1935" y="1287"/>
                  <a:pt x="1942" y="1287"/>
                </a:cubicBezTo>
                <a:cubicBezTo>
                  <a:pt x="1949" y="1287"/>
                  <a:pt x="1955" y="1281"/>
                  <a:pt x="1955" y="1274"/>
                </a:cubicBezTo>
                <a:cubicBezTo>
                  <a:pt x="1955" y="1267"/>
                  <a:pt x="1949" y="1261"/>
                  <a:pt x="1942" y="1261"/>
                </a:cubicBezTo>
                <a:close/>
                <a:moveTo>
                  <a:pt x="1981" y="1261"/>
                </a:moveTo>
                <a:cubicBezTo>
                  <a:pt x="1974" y="1261"/>
                  <a:pt x="1969" y="1267"/>
                  <a:pt x="1969" y="1274"/>
                </a:cubicBezTo>
                <a:cubicBezTo>
                  <a:pt x="1969" y="1281"/>
                  <a:pt x="1974" y="1287"/>
                  <a:pt x="1981" y="1287"/>
                </a:cubicBezTo>
                <a:cubicBezTo>
                  <a:pt x="1988" y="1287"/>
                  <a:pt x="1994" y="1281"/>
                  <a:pt x="1994" y="1274"/>
                </a:cubicBezTo>
                <a:cubicBezTo>
                  <a:pt x="1994" y="1267"/>
                  <a:pt x="1988" y="1261"/>
                  <a:pt x="1981" y="1261"/>
                </a:cubicBezTo>
                <a:close/>
                <a:moveTo>
                  <a:pt x="2021" y="1261"/>
                </a:moveTo>
                <a:cubicBezTo>
                  <a:pt x="2014" y="1261"/>
                  <a:pt x="2008" y="1267"/>
                  <a:pt x="2008" y="1274"/>
                </a:cubicBezTo>
                <a:cubicBezTo>
                  <a:pt x="2008" y="1281"/>
                  <a:pt x="2014" y="1287"/>
                  <a:pt x="2021" y="1287"/>
                </a:cubicBezTo>
                <a:cubicBezTo>
                  <a:pt x="2028" y="1287"/>
                  <a:pt x="2034" y="1281"/>
                  <a:pt x="2034" y="1274"/>
                </a:cubicBezTo>
                <a:cubicBezTo>
                  <a:pt x="2034" y="1267"/>
                  <a:pt x="2028" y="1261"/>
                  <a:pt x="2021" y="1261"/>
                </a:cubicBezTo>
                <a:close/>
                <a:moveTo>
                  <a:pt x="2060" y="1287"/>
                </a:moveTo>
                <a:cubicBezTo>
                  <a:pt x="2067" y="1287"/>
                  <a:pt x="2073" y="1281"/>
                  <a:pt x="2073" y="1274"/>
                </a:cubicBezTo>
                <a:cubicBezTo>
                  <a:pt x="2073" y="1267"/>
                  <a:pt x="2067" y="1262"/>
                  <a:pt x="2060" y="1262"/>
                </a:cubicBezTo>
                <a:cubicBezTo>
                  <a:pt x="2053" y="1262"/>
                  <a:pt x="2048" y="1267"/>
                  <a:pt x="2048" y="1274"/>
                </a:cubicBezTo>
                <a:cubicBezTo>
                  <a:pt x="2048" y="1281"/>
                  <a:pt x="2053" y="1287"/>
                  <a:pt x="2060" y="1287"/>
                </a:cubicBezTo>
                <a:close/>
                <a:moveTo>
                  <a:pt x="2100" y="1261"/>
                </a:moveTo>
                <a:cubicBezTo>
                  <a:pt x="2093" y="1261"/>
                  <a:pt x="2087" y="1267"/>
                  <a:pt x="2087" y="1274"/>
                </a:cubicBezTo>
                <a:cubicBezTo>
                  <a:pt x="2087" y="1281"/>
                  <a:pt x="2093" y="1287"/>
                  <a:pt x="2100" y="1287"/>
                </a:cubicBezTo>
                <a:cubicBezTo>
                  <a:pt x="2107" y="1287"/>
                  <a:pt x="2112" y="1281"/>
                  <a:pt x="2112" y="1274"/>
                </a:cubicBezTo>
                <a:cubicBezTo>
                  <a:pt x="2112" y="1267"/>
                  <a:pt x="2107" y="1261"/>
                  <a:pt x="2100" y="1261"/>
                </a:cubicBezTo>
                <a:close/>
                <a:moveTo>
                  <a:pt x="3046" y="1287"/>
                </a:moveTo>
                <a:cubicBezTo>
                  <a:pt x="3053" y="1287"/>
                  <a:pt x="3059" y="1281"/>
                  <a:pt x="3059" y="1274"/>
                </a:cubicBezTo>
                <a:cubicBezTo>
                  <a:pt x="3059" y="1267"/>
                  <a:pt x="3053" y="1261"/>
                  <a:pt x="3046" y="1261"/>
                </a:cubicBezTo>
                <a:cubicBezTo>
                  <a:pt x="3039" y="1261"/>
                  <a:pt x="3033" y="1267"/>
                  <a:pt x="3033" y="1274"/>
                </a:cubicBezTo>
                <a:cubicBezTo>
                  <a:pt x="3033" y="1281"/>
                  <a:pt x="3039" y="1287"/>
                  <a:pt x="3046" y="1287"/>
                </a:cubicBezTo>
                <a:close/>
                <a:moveTo>
                  <a:pt x="996" y="1326"/>
                </a:moveTo>
                <a:cubicBezTo>
                  <a:pt x="1003" y="1326"/>
                  <a:pt x="1009" y="1321"/>
                  <a:pt x="1009" y="1314"/>
                </a:cubicBezTo>
                <a:cubicBezTo>
                  <a:pt x="1009" y="1307"/>
                  <a:pt x="1003" y="1301"/>
                  <a:pt x="996" y="1301"/>
                </a:cubicBezTo>
                <a:cubicBezTo>
                  <a:pt x="989" y="1301"/>
                  <a:pt x="983" y="1307"/>
                  <a:pt x="983" y="1314"/>
                </a:cubicBezTo>
                <a:cubicBezTo>
                  <a:pt x="983" y="1321"/>
                  <a:pt x="989" y="1326"/>
                  <a:pt x="996" y="1326"/>
                </a:cubicBezTo>
                <a:close/>
                <a:moveTo>
                  <a:pt x="1035" y="1326"/>
                </a:moveTo>
                <a:cubicBezTo>
                  <a:pt x="1042" y="1326"/>
                  <a:pt x="1048" y="1321"/>
                  <a:pt x="1048" y="1314"/>
                </a:cubicBezTo>
                <a:cubicBezTo>
                  <a:pt x="1048" y="1307"/>
                  <a:pt x="1042" y="1301"/>
                  <a:pt x="1035" y="1301"/>
                </a:cubicBezTo>
                <a:cubicBezTo>
                  <a:pt x="1028" y="1301"/>
                  <a:pt x="1023" y="1307"/>
                  <a:pt x="1023" y="1314"/>
                </a:cubicBezTo>
                <a:cubicBezTo>
                  <a:pt x="1023" y="1321"/>
                  <a:pt x="1028" y="1326"/>
                  <a:pt x="1035" y="1326"/>
                </a:cubicBezTo>
                <a:close/>
                <a:moveTo>
                  <a:pt x="1075" y="1326"/>
                </a:moveTo>
                <a:cubicBezTo>
                  <a:pt x="1082" y="1326"/>
                  <a:pt x="1087" y="1321"/>
                  <a:pt x="1087" y="1314"/>
                </a:cubicBezTo>
                <a:cubicBezTo>
                  <a:pt x="1087" y="1307"/>
                  <a:pt x="1082" y="1301"/>
                  <a:pt x="1075" y="1301"/>
                </a:cubicBezTo>
                <a:cubicBezTo>
                  <a:pt x="1068" y="1301"/>
                  <a:pt x="1062" y="1307"/>
                  <a:pt x="1062" y="1314"/>
                </a:cubicBezTo>
                <a:cubicBezTo>
                  <a:pt x="1062" y="1321"/>
                  <a:pt x="1068" y="1326"/>
                  <a:pt x="1075" y="1326"/>
                </a:cubicBezTo>
                <a:close/>
                <a:moveTo>
                  <a:pt x="1114" y="1326"/>
                </a:moveTo>
                <a:cubicBezTo>
                  <a:pt x="1121" y="1326"/>
                  <a:pt x="1127" y="1321"/>
                  <a:pt x="1127" y="1314"/>
                </a:cubicBezTo>
                <a:cubicBezTo>
                  <a:pt x="1127" y="1307"/>
                  <a:pt x="1121" y="1301"/>
                  <a:pt x="1114" y="1301"/>
                </a:cubicBezTo>
                <a:cubicBezTo>
                  <a:pt x="1107" y="1301"/>
                  <a:pt x="1101" y="1307"/>
                  <a:pt x="1101" y="1314"/>
                </a:cubicBezTo>
                <a:cubicBezTo>
                  <a:pt x="1101" y="1321"/>
                  <a:pt x="1107" y="1326"/>
                  <a:pt x="1114" y="1326"/>
                </a:cubicBezTo>
                <a:close/>
                <a:moveTo>
                  <a:pt x="1154" y="1326"/>
                </a:moveTo>
                <a:cubicBezTo>
                  <a:pt x="1161" y="1326"/>
                  <a:pt x="1166" y="1321"/>
                  <a:pt x="1166" y="1314"/>
                </a:cubicBezTo>
                <a:cubicBezTo>
                  <a:pt x="1166" y="1307"/>
                  <a:pt x="1161" y="1301"/>
                  <a:pt x="1154" y="1301"/>
                </a:cubicBezTo>
                <a:cubicBezTo>
                  <a:pt x="1146" y="1301"/>
                  <a:pt x="1141" y="1307"/>
                  <a:pt x="1141" y="1314"/>
                </a:cubicBezTo>
                <a:cubicBezTo>
                  <a:pt x="1141" y="1321"/>
                  <a:pt x="1146" y="1326"/>
                  <a:pt x="1154" y="1326"/>
                </a:cubicBezTo>
                <a:close/>
                <a:moveTo>
                  <a:pt x="1193" y="1326"/>
                </a:moveTo>
                <a:cubicBezTo>
                  <a:pt x="1200" y="1326"/>
                  <a:pt x="1206" y="1321"/>
                  <a:pt x="1206" y="1314"/>
                </a:cubicBezTo>
                <a:cubicBezTo>
                  <a:pt x="1206" y="1307"/>
                  <a:pt x="1200" y="1301"/>
                  <a:pt x="1193" y="1301"/>
                </a:cubicBezTo>
                <a:cubicBezTo>
                  <a:pt x="1186" y="1301"/>
                  <a:pt x="1180" y="1307"/>
                  <a:pt x="1180" y="1314"/>
                </a:cubicBezTo>
                <a:cubicBezTo>
                  <a:pt x="1180" y="1321"/>
                  <a:pt x="1186" y="1326"/>
                  <a:pt x="1193" y="1326"/>
                </a:cubicBezTo>
                <a:close/>
                <a:moveTo>
                  <a:pt x="1232" y="1326"/>
                </a:moveTo>
                <a:cubicBezTo>
                  <a:pt x="1239" y="1326"/>
                  <a:pt x="1245" y="1321"/>
                  <a:pt x="1245" y="1314"/>
                </a:cubicBezTo>
                <a:cubicBezTo>
                  <a:pt x="1245" y="1307"/>
                  <a:pt x="1239" y="1301"/>
                  <a:pt x="1232" y="1301"/>
                </a:cubicBezTo>
                <a:cubicBezTo>
                  <a:pt x="1225" y="1301"/>
                  <a:pt x="1220" y="1307"/>
                  <a:pt x="1220" y="1314"/>
                </a:cubicBezTo>
                <a:cubicBezTo>
                  <a:pt x="1220" y="1321"/>
                  <a:pt x="1225" y="1326"/>
                  <a:pt x="1232" y="1326"/>
                </a:cubicBezTo>
                <a:close/>
                <a:moveTo>
                  <a:pt x="1272" y="1301"/>
                </a:moveTo>
                <a:cubicBezTo>
                  <a:pt x="1265" y="1301"/>
                  <a:pt x="1259" y="1307"/>
                  <a:pt x="1259" y="1314"/>
                </a:cubicBezTo>
                <a:cubicBezTo>
                  <a:pt x="1259" y="1321"/>
                  <a:pt x="1265" y="1326"/>
                  <a:pt x="1272" y="1326"/>
                </a:cubicBezTo>
                <a:cubicBezTo>
                  <a:pt x="1279" y="1326"/>
                  <a:pt x="1285" y="1321"/>
                  <a:pt x="1285" y="1314"/>
                </a:cubicBezTo>
                <a:cubicBezTo>
                  <a:pt x="1285" y="1307"/>
                  <a:pt x="1279" y="1301"/>
                  <a:pt x="1272" y="1301"/>
                </a:cubicBezTo>
                <a:close/>
                <a:moveTo>
                  <a:pt x="1824" y="1301"/>
                </a:moveTo>
                <a:cubicBezTo>
                  <a:pt x="1817" y="1301"/>
                  <a:pt x="1811" y="1307"/>
                  <a:pt x="1811" y="1314"/>
                </a:cubicBezTo>
                <a:cubicBezTo>
                  <a:pt x="1811" y="1321"/>
                  <a:pt x="1817" y="1326"/>
                  <a:pt x="1824" y="1326"/>
                </a:cubicBezTo>
                <a:cubicBezTo>
                  <a:pt x="1831" y="1326"/>
                  <a:pt x="1837" y="1321"/>
                  <a:pt x="1837" y="1314"/>
                </a:cubicBezTo>
                <a:cubicBezTo>
                  <a:pt x="1837" y="1307"/>
                  <a:pt x="1831" y="1301"/>
                  <a:pt x="1824" y="1301"/>
                </a:cubicBezTo>
                <a:close/>
                <a:moveTo>
                  <a:pt x="1863" y="1326"/>
                </a:moveTo>
                <a:cubicBezTo>
                  <a:pt x="1870" y="1326"/>
                  <a:pt x="1876" y="1321"/>
                  <a:pt x="1876" y="1314"/>
                </a:cubicBezTo>
                <a:cubicBezTo>
                  <a:pt x="1876" y="1307"/>
                  <a:pt x="1870" y="1301"/>
                  <a:pt x="1863" y="1301"/>
                </a:cubicBezTo>
                <a:cubicBezTo>
                  <a:pt x="1856" y="1301"/>
                  <a:pt x="1850" y="1307"/>
                  <a:pt x="1850" y="1314"/>
                </a:cubicBezTo>
                <a:cubicBezTo>
                  <a:pt x="1850" y="1321"/>
                  <a:pt x="1856" y="1326"/>
                  <a:pt x="1863" y="1326"/>
                </a:cubicBezTo>
                <a:close/>
                <a:moveTo>
                  <a:pt x="1903" y="1326"/>
                </a:moveTo>
                <a:cubicBezTo>
                  <a:pt x="1910" y="1326"/>
                  <a:pt x="1915" y="1321"/>
                  <a:pt x="1915" y="1314"/>
                </a:cubicBezTo>
                <a:cubicBezTo>
                  <a:pt x="1915" y="1307"/>
                  <a:pt x="1910" y="1301"/>
                  <a:pt x="1903" y="1301"/>
                </a:cubicBezTo>
                <a:cubicBezTo>
                  <a:pt x="1896" y="1301"/>
                  <a:pt x="1890" y="1307"/>
                  <a:pt x="1890" y="1314"/>
                </a:cubicBezTo>
                <a:cubicBezTo>
                  <a:pt x="1890" y="1321"/>
                  <a:pt x="1896" y="1326"/>
                  <a:pt x="1903" y="1326"/>
                </a:cubicBezTo>
                <a:close/>
                <a:moveTo>
                  <a:pt x="1942" y="1326"/>
                </a:moveTo>
                <a:cubicBezTo>
                  <a:pt x="1949" y="1326"/>
                  <a:pt x="1955" y="1321"/>
                  <a:pt x="1955" y="1314"/>
                </a:cubicBezTo>
                <a:cubicBezTo>
                  <a:pt x="1955" y="1307"/>
                  <a:pt x="1949" y="1301"/>
                  <a:pt x="1942" y="1301"/>
                </a:cubicBezTo>
                <a:cubicBezTo>
                  <a:pt x="1935" y="1301"/>
                  <a:pt x="1929" y="1307"/>
                  <a:pt x="1929" y="1314"/>
                </a:cubicBezTo>
                <a:cubicBezTo>
                  <a:pt x="1929" y="1321"/>
                  <a:pt x="1935" y="1326"/>
                  <a:pt x="1942" y="1326"/>
                </a:cubicBezTo>
                <a:close/>
                <a:moveTo>
                  <a:pt x="1981" y="1301"/>
                </a:moveTo>
                <a:cubicBezTo>
                  <a:pt x="1974" y="1301"/>
                  <a:pt x="1969" y="1307"/>
                  <a:pt x="1969" y="1314"/>
                </a:cubicBezTo>
                <a:cubicBezTo>
                  <a:pt x="1969" y="1321"/>
                  <a:pt x="1974" y="1326"/>
                  <a:pt x="1981" y="1326"/>
                </a:cubicBezTo>
                <a:cubicBezTo>
                  <a:pt x="1988" y="1326"/>
                  <a:pt x="1994" y="1321"/>
                  <a:pt x="1994" y="1314"/>
                </a:cubicBezTo>
                <a:cubicBezTo>
                  <a:pt x="1994" y="1307"/>
                  <a:pt x="1988" y="1301"/>
                  <a:pt x="1981" y="1301"/>
                </a:cubicBezTo>
                <a:close/>
                <a:moveTo>
                  <a:pt x="2021" y="1326"/>
                </a:moveTo>
                <a:cubicBezTo>
                  <a:pt x="2028" y="1326"/>
                  <a:pt x="2034" y="1321"/>
                  <a:pt x="2034" y="1314"/>
                </a:cubicBezTo>
                <a:cubicBezTo>
                  <a:pt x="2034" y="1307"/>
                  <a:pt x="2028" y="1301"/>
                  <a:pt x="2021" y="1301"/>
                </a:cubicBezTo>
                <a:cubicBezTo>
                  <a:pt x="2014" y="1301"/>
                  <a:pt x="2008" y="1307"/>
                  <a:pt x="2008" y="1314"/>
                </a:cubicBezTo>
                <a:cubicBezTo>
                  <a:pt x="2008" y="1321"/>
                  <a:pt x="2014" y="1326"/>
                  <a:pt x="2021" y="1326"/>
                </a:cubicBezTo>
                <a:close/>
                <a:moveTo>
                  <a:pt x="2060" y="1301"/>
                </a:moveTo>
                <a:cubicBezTo>
                  <a:pt x="2053" y="1301"/>
                  <a:pt x="2048" y="1307"/>
                  <a:pt x="2048" y="1314"/>
                </a:cubicBezTo>
                <a:cubicBezTo>
                  <a:pt x="2048" y="1321"/>
                  <a:pt x="2053" y="1326"/>
                  <a:pt x="2060" y="1326"/>
                </a:cubicBezTo>
                <a:cubicBezTo>
                  <a:pt x="2067" y="1326"/>
                  <a:pt x="2073" y="1321"/>
                  <a:pt x="2073" y="1314"/>
                </a:cubicBezTo>
                <a:cubicBezTo>
                  <a:pt x="2073" y="1307"/>
                  <a:pt x="2067" y="1301"/>
                  <a:pt x="2060" y="1301"/>
                </a:cubicBezTo>
                <a:close/>
                <a:moveTo>
                  <a:pt x="2179" y="1301"/>
                </a:moveTo>
                <a:cubicBezTo>
                  <a:pt x="2172" y="1301"/>
                  <a:pt x="2166" y="1307"/>
                  <a:pt x="2166" y="1314"/>
                </a:cubicBezTo>
                <a:cubicBezTo>
                  <a:pt x="2166" y="1321"/>
                  <a:pt x="2172" y="1326"/>
                  <a:pt x="2179" y="1326"/>
                </a:cubicBezTo>
                <a:cubicBezTo>
                  <a:pt x="2186" y="1326"/>
                  <a:pt x="2191" y="1321"/>
                  <a:pt x="2191" y="1314"/>
                </a:cubicBezTo>
                <a:cubicBezTo>
                  <a:pt x="2191" y="1307"/>
                  <a:pt x="2186" y="1301"/>
                  <a:pt x="2179" y="1301"/>
                </a:cubicBezTo>
                <a:close/>
                <a:moveTo>
                  <a:pt x="2967" y="1326"/>
                </a:moveTo>
                <a:cubicBezTo>
                  <a:pt x="2974" y="1326"/>
                  <a:pt x="2980" y="1321"/>
                  <a:pt x="2980" y="1314"/>
                </a:cubicBezTo>
                <a:cubicBezTo>
                  <a:pt x="2980" y="1307"/>
                  <a:pt x="2974" y="1301"/>
                  <a:pt x="2967" y="1301"/>
                </a:cubicBezTo>
                <a:cubicBezTo>
                  <a:pt x="2960" y="1301"/>
                  <a:pt x="2954" y="1307"/>
                  <a:pt x="2954" y="1314"/>
                </a:cubicBezTo>
                <a:cubicBezTo>
                  <a:pt x="2954" y="1321"/>
                  <a:pt x="2960" y="1326"/>
                  <a:pt x="2967" y="1326"/>
                </a:cubicBezTo>
                <a:close/>
                <a:moveTo>
                  <a:pt x="3006" y="1326"/>
                </a:moveTo>
                <a:cubicBezTo>
                  <a:pt x="3014" y="1326"/>
                  <a:pt x="3019" y="1321"/>
                  <a:pt x="3019" y="1314"/>
                </a:cubicBezTo>
                <a:cubicBezTo>
                  <a:pt x="3019" y="1307"/>
                  <a:pt x="3014" y="1301"/>
                  <a:pt x="3006" y="1301"/>
                </a:cubicBezTo>
                <a:cubicBezTo>
                  <a:pt x="2999" y="1301"/>
                  <a:pt x="2994" y="1307"/>
                  <a:pt x="2994" y="1314"/>
                </a:cubicBezTo>
                <a:cubicBezTo>
                  <a:pt x="2994" y="1321"/>
                  <a:pt x="2999" y="1326"/>
                  <a:pt x="3006" y="1326"/>
                </a:cubicBezTo>
                <a:close/>
                <a:moveTo>
                  <a:pt x="3046" y="1326"/>
                </a:moveTo>
                <a:cubicBezTo>
                  <a:pt x="3053" y="1326"/>
                  <a:pt x="3059" y="1321"/>
                  <a:pt x="3059" y="1314"/>
                </a:cubicBezTo>
                <a:cubicBezTo>
                  <a:pt x="3059" y="1307"/>
                  <a:pt x="3053" y="1301"/>
                  <a:pt x="3046" y="1301"/>
                </a:cubicBezTo>
                <a:cubicBezTo>
                  <a:pt x="3039" y="1301"/>
                  <a:pt x="3033" y="1307"/>
                  <a:pt x="3033" y="1314"/>
                </a:cubicBezTo>
                <a:cubicBezTo>
                  <a:pt x="3033" y="1321"/>
                  <a:pt x="3039" y="1326"/>
                  <a:pt x="3046" y="1326"/>
                </a:cubicBezTo>
                <a:close/>
                <a:moveTo>
                  <a:pt x="3085" y="1326"/>
                </a:moveTo>
                <a:cubicBezTo>
                  <a:pt x="3092" y="1326"/>
                  <a:pt x="3098" y="1321"/>
                  <a:pt x="3098" y="1314"/>
                </a:cubicBezTo>
                <a:cubicBezTo>
                  <a:pt x="3098" y="1307"/>
                  <a:pt x="3092" y="1301"/>
                  <a:pt x="3085" y="1301"/>
                </a:cubicBezTo>
                <a:cubicBezTo>
                  <a:pt x="3078" y="1301"/>
                  <a:pt x="3073" y="1307"/>
                  <a:pt x="3073" y="1314"/>
                </a:cubicBezTo>
                <a:cubicBezTo>
                  <a:pt x="3073" y="1321"/>
                  <a:pt x="3078" y="1326"/>
                  <a:pt x="3085" y="1326"/>
                </a:cubicBezTo>
                <a:close/>
                <a:moveTo>
                  <a:pt x="3125" y="1326"/>
                </a:moveTo>
                <a:cubicBezTo>
                  <a:pt x="3132" y="1326"/>
                  <a:pt x="3137" y="1321"/>
                  <a:pt x="3137" y="1314"/>
                </a:cubicBezTo>
                <a:cubicBezTo>
                  <a:pt x="3137" y="1307"/>
                  <a:pt x="3132" y="1301"/>
                  <a:pt x="3125" y="1301"/>
                </a:cubicBezTo>
                <a:cubicBezTo>
                  <a:pt x="3118" y="1301"/>
                  <a:pt x="3112" y="1307"/>
                  <a:pt x="3112" y="1314"/>
                </a:cubicBezTo>
                <a:cubicBezTo>
                  <a:pt x="3112" y="1321"/>
                  <a:pt x="3118" y="1326"/>
                  <a:pt x="3125" y="1326"/>
                </a:cubicBezTo>
                <a:close/>
                <a:moveTo>
                  <a:pt x="3164" y="1326"/>
                </a:moveTo>
                <a:cubicBezTo>
                  <a:pt x="3171" y="1326"/>
                  <a:pt x="3177" y="1321"/>
                  <a:pt x="3177" y="1314"/>
                </a:cubicBezTo>
                <a:cubicBezTo>
                  <a:pt x="3177" y="1307"/>
                  <a:pt x="3171" y="1301"/>
                  <a:pt x="3164" y="1301"/>
                </a:cubicBezTo>
                <a:cubicBezTo>
                  <a:pt x="3157" y="1301"/>
                  <a:pt x="3151" y="1307"/>
                  <a:pt x="3151" y="1314"/>
                </a:cubicBezTo>
                <a:cubicBezTo>
                  <a:pt x="3151" y="1321"/>
                  <a:pt x="3157" y="1326"/>
                  <a:pt x="3164" y="1326"/>
                </a:cubicBezTo>
                <a:close/>
                <a:moveTo>
                  <a:pt x="996" y="1366"/>
                </a:moveTo>
                <a:cubicBezTo>
                  <a:pt x="1003" y="1366"/>
                  <a:pt x="1009" y="1360"/>
                  <a:pt x="1009" y="1353"/>
                </a:cubicBezTo>
                <a:cubicBezTo>
                  <a:pt x="1009" y="1346"/>
                  <a:pt x="1003" y="1340"/>
                  <a:pt x="996" y="1340"/>
                </a:cubicBezTo>
                <a:cubicBezTo>
                  <a:pt x="989" y="1340"/>
                  <a:pt x="983" y="1346"/>
                  <a:pt x="983" y="1353"/>
                </a:cubicBezTo>
                <a:cubicBezTo>
                  <a:pt x="983" y="1360"/>
                  <a:pt x="989" y="1366"/>
                  <a:pt x="996" y="1366"/>
                </a:cubicBezTo>
                <a:close/>
                <a:moveTo>
                  <a:pt x="1035" y="1366"/>
                </a:moveTo>
                <a:cubicBezTo>
                  <a:pt x="1042" y="1366"/>
                  <a:pt x="1048" y="1360"/>
                  <a:pt x="1048" y="1353"/>
                </a:cubicBezTo>
                <a:cubicBezTo>
                  <a:pt x="1048" y="1346"/>
                  <a:pt x="1042" y="1340"/>
                  <a:pt x="1035" y="1340"/>
                </a:cubicBezTo>
                <a:cubicBezTo>
                  <a:pt x="1028" y="1340"/>
                  <a:pt x="1023" y="1346"/>
                  <a:pt x="1023" y="1353"/>
                </a:cubicBezTo>
                <a:cubicBezTo>
                  <a:pt x="1023" y="1360"/>
                  <a:pt x="1028" y="1366"/>
                  <a:pt x="1035" y="1366"/>
                </a:cubicBezTo>
                <a:close/>
                <a:moveTo>
                  <a:pt x="1075" y="1366"/>
                </a:moveTo>
                <a:cubicBezTo>
                  <a:pt x="1082" y="1366"/>
                  <a:pt x="1087" y="1360"/>
                  <a:pt x="1087" y="1353"/>
                </a:cubicBezTo>
                <a:cubicBezTo>
                  <a:pt x="1087" y="1346"/>
                  <a:pt x="1082" y="1340"/>
                  <a:pt x="1075" y="1340"/>
                </a:cubicBezTo>
                <a:cubicBezTo>
                  <a:pt x="1068" y="1340"/>
                  <a:pt x="1062" y="1346"/>
                  <a:pt x="1062" y="1353"/>
                </a:cubicBezTo>
                <a:cubicBezTo>
                  <a:pt x="1062" y="1360"/>
                  <a:pt x="1068" y="1366"/>
                  <a:pt x="1075" y="1366"/>
                </a:cubicBezTo>
                <a:close/>
                <a:moveTo>
                  <a:pt x="1114" y="1366"/>
                </a:moveTo>
                <a:cubicBezTo>
                  <a:pt x="1121" y="1366"/>
                  <a:pt x="1127" y="1360"/>
                  <a:pt x="1127" y="1353"/>
                </a:cubicBezTo>
                <a:cubicBezTo>
                  <a:pt x="1127" y="1346"/>
                  <a:pt x="1121" y="1340"/>
                  <a:pt x="1114" y="1340"/>
                </a:cubicBezTo>
                <a:cubicBezTo>
                  <a:pt x="1107" y="1340"/>
                  <a:pt x="1101" y="1346"/>
                  <a:pt x="1101" y="1353"/>
                </a:cubicBezTo>
                <a:cubicBezTo>
                  <a:pt x="1101" y="1360"/>
                  <a:pt x="1107" y="1366"/>
                  <a:pt x="1114" y="1366"/>
                </a:cubicBezTo>
                <a:close/>
                <a:moveTo>
                  <a:pt x="1154" y="1366"/>
                </a:moveTo>
                <a:cubicBezTo>
                  <a:pt x="1161" y="1366"/>
                  <a:pt x="1166" y="1360"/>
                  <a:pt x="1166" y="1353"/>
                </a:cubicBezTo>
                <a:cubicBezTo>
                  <a:pt x="1166" y="1346"/>
                  <a:pt x="1161" y="1340"/>
                  <a:pt x="1154" y="1340"/>
                </a:cubicBezTo>
                <a:cubicBezTo>
                  <a:pt x="1146" y="1340"/>
                  <a:pt x="1141" y="1346"/>
                  <a:pt x="1141" y="1353"/>
                </a:cubicBezTo>
                <a:cubicBezTo>
                  <a:pt x="1141" y="1360"/>
                  <a:pt x="1146" y="1366"/>
                  <a:pt x="1154" y="1366"/>
                </a:cubicBezTo>
                <a:close/>
                <a:moveTo>
                  <a:pt x="1193" y="1366"/>
                </a:moveTo>
                <a:cubicBezTo>
                  <a:pt x="1200" y="1366"/>
                  <a:pt x="1206" y="1360"/>
                  <a:pt x="1206" y="1353"/>
                </a:cubicBezTo>
                <a:cubicBezTo>
                  <a:pt x="1206" y="1346"/>
                  <a:pt x="1200" y="1340"/>
                  <a:pt x="1193" y="1340"/>
                </a:cubicBezTo>
                <a:cubicBezTo>
                  <a:pt x="1186" y="1340"/>
                  <a:pt x="1180" y="1346"/>
                  <a:pt x="1180" y="1353"/>
                </a:cubicBezTo>
                <a:cubicBezTo>
                  <a:pt x="1180" y="1360"/>
                  <a:pt x="1186" y="1366"/>
                  <a:pt x="1193" y="1366"/>
                </a:cubicBezTo>
                <a:close/>
                <a:moveTo>
                  <a:pt x="1232" y="1340"/>
                </a:moveTo>
                <a:cubicBezTo>
                  <a:pt x="1225" y="1340"/>
                  <a:pt x="1220" y="1346"/>
                  <a:pt x="1220" y="1353"/>
                </a:cubicBezTo>
                <a:cubicBezTo>
                  <a:pt x="1220" y="1360"/>
                  <a:pt x="1225" y="1366"/>
                  <a:pt x="1232" y="1366"/>
                </a:cubicBezTo>
                <a:cubicBezTo>
                  <a:pt x="1239" y="1366"/>
                  <a:pt x="1245" y="1360"/>
                  <a:pt x="1245" y="1353"/>
                </a:cubicBezTo>
                <a:cubicBezTo>
                  <a:pt x="1245" y="1346"/>
                  <a:pt x="1239" y="1340"/>
                  <a:pt x="1232" y="1340"/>
                </a:cubicBezTo>
                <a:close/>
                <a:moveTo>
                  <a:pt x="1272" y="1340"/>
                </a:moveTo>
                <a:cubicBezTo>
                  <a:pt x="1265" y="1340"/>
                  <a:pt x="1259" y="1346"/>
                  <a:pt x="1259" y="1353"/>
                </a:cubicBezTo>
                <a:cubicBezTo>
                  <a:pt x="1259" y="1360"/>
                  <a:pt x="1265" y="1366"/>
                  <a:pt x="1272" y="1366"/>
                </a:cubicBezTo>
                <a:cubicBezTo>
                  <a:pt x="1279" y="1366"/>
                  <a:pt x="1285" y="1360"/>
                  <a:pt x="1285" y="1353"/>
                </a:cubicBezTo>
                <a:cubicBezTo>
                  <a:pt x="1285" y="1346"/>
                  <a:pt x="1279" y="1340"/>
                  <a:pt x="1272" y="1340"/>
                </a:cubicBezTo>
                <a:close/>
                <a:moveTo>
                  <a:pt x="1863" y="1366"/>
                </a:moveTo>
                <a:cubicBezTo>
                  <a:pt x="1870" y="1366"/>
                  <a:pt x="1876" y="1360"/>
                  <a:pt x="1876" y="1353"/>
                </a:cubicBezTo>
                <a:cubicBezTo>
                  <a:pt x="1876" y="1346"/>
                  <a:pt x="1870" y="1340"/>
                  <a:pt x="1863" y="1340"/>
                </a:cubicBezTo>
                <a:cubicBezTo>
                  <a:pt x="1856" y="1340"/>
                  <a:pt x="1850" y="1346"/>
                  <a:pt x="1850" y="1353"/>
                </a:cubicBezTo>
                <a:cubicBezTo>
                  <a:pt x="1850" y="1360"/>
                  <a:pt x="1856" y="1366"/>
                  <a:pt x="1863" y="1366"/>
                </a:cubicBezTo>
                <a:close/>
                <a:moveTo>
                  <a:pt x="1903" y="1366"/>
                </a:moveTo>
                <a:cubicBezTo>
                  <a:pt x="1910" y="1366"/>
                  <a:pt x="1915" y="1360"/>
                  <a:pt x="1915" y="1353"/>
                </a:cubicBezTo>
                <a:cubicBezTo>
                  <a:pt x="1915" y="1346"/>
                  <a:pt x="1910" y="1340"/>
                  <a:pt x="1903" y="1340"/>
                </a:cubicBezTo>
                <a:cubicBezTo>
                  <a:pt x="1896" y="1340"/>
                  <a:pt x="1890" y="1346"/>
                  <a:pt x="1890" y="1353"/>
                </a:cubicBezTo>
                <a:cubicBezTo>
                  <a:pt x="1890" y="1360"/>
                  <a:pt x="1896" y="1366"/>
                  <a:pt x="1903" y="1366"/>
                </a:cubicBezTo>
                <a:close/>
                <a:moveTo>
                  <a:pt x="1942" y="1366"/>
                </a:moveTo>
                <a:cubicBezTo>
                  <a:pt x="1949" y="1366"/>
                  <a:pt x="1955" y="1360"/>
                  <a:pt x="1955" y="1353"/>
                </a:cubicBezTo>
                <a:cubicBezTo>
                  <a:pt x="1955" y="1346"/>
                  <a:pt x="1949" y="1340"/>
                  <a:pt x="1942" y="1340"/>
                </a:cubicBezTo>
                <a:cubicBezTo>
                  <a:pt x="1935" y="1340"/>
                  <a:pt x="1929" y="1346"/>
                  <a:pt x="1929" y="1353"/>
                </a:cubicBezTo>
                <a:cubicBezTo>
                  <a:pt x="1929" y="1360"/>
                  <a:pt x="1935" y="1366"/>
                  <a:pt x="1942" y="1366"/>
                </a:cubicBezTo>
                <a:close/>
                <a:moveTo>
                  <a:pt x="1981" y="1366"/>
                </a:moveTo>
                <a:cubicBezTo>
                  <a:pt x="1988" y="1366"/>
                  <a:pt x="1994" y="1360"/>
                  <a:pt x="1994" y="1353"/>
                </a:cubicBezTo>
                <a:cubicBezTo>
                  <a:pt x="1994" y="1346"/>
                  <a:pt x="1988" y="1340"/>
                  <a:pt x="1981" y="1340"/>
                </a:cubicBezTo>
                <a:cubicBezTo>
                  <a:pt x="1974" y="1340"/>
                  <a:pt x="1969" y="1346"/>
                  <a:pt x="1969" y="1353"/>
                </a:cubicBezTo>
                <a:cubicBezTo>
                  <a:pt x="1969" y="1360"/>
                  <a:pt x="1974" y="1366"/>
                  <a:pt x="1981" y="1366"/>
                </a:cubicBezTo>
                <a:close/>
                <a:moveTo>
                  <a:pt x="2021" y="1366"/>
                </a:moveTo>
                <a:cubicBezTo>
                  <a:pt x="2028" y="1366"/>
                  <a:pt x="2034" y="1360"/>
                  <a:pt x="2034" y="1353"/>
                </a:cubicBezTo>
                <a:cubicBezTo>
                  <a:pt x="2034" y="1346"/>
                  <a:pt x="2028" y="1340"/>
                  <a:pt x="2021" y="1340"/>
                </a:cubicBezTo>
                <a:cubicBezTo>
                  <a:pt x="2014" y="1340"/>
                  <a:pt x="2008" y="1346"/>
                  <a:pt x="2008" y="1353"/>
                </a:cubicBezTo>
                <a:cubicBezTo>
                  <a:pt x="2008" y="1360"/>
                  <a:pt x="2014" y="1366"/>
                  <a:pt x="2021" y="1366"/>
                </a:cubicBezTo>
                <a:close/>
                <a:moveTo>
                  <a:pt x="2139" y="1340"/>
                </a:moveTo>
                <a:cubicBezTo>
                  <a:pt x="2132" y="1340"/>
                  <a:pt x="2126" y="1346"/>
                  <a:pt x="2126" y="1353"/>
                </a:cubicBezTo>
                <a:cubicBezTo>
                  <a:pt x="2126" y="1360"/>
                  <a:pt x="2132" y="1366"/>
                  <a:pt x="2139" y="1366"/>
                </a:cubicBezTo>
                <a:cubicBezTo>
                  <a:pt x="2146" y="1366"/>
                  <a:pt x="2152" y="1360"/>
                  <a:pt x="2152" y="1353"/>
                </a:cubicBezTo>
                <a:cubicBezTo>
                  <a:pt x="2152" y="1346"/>
                  <a:pt x="2146" y="1340"/>
                  <a:pt x="2139" y="1340"/>
                </a:cubicBezTo>
                <a:close/>
                <a:moveTo>
                  <a:pt x="2179" y="1340"/>
                </a:moveTo>
                <a:cubicBezTo>
                  <a:pt x="2172" y="1340"/>
                  <a:pt x="2166" y="1346"/>
                  <a:pt x="2166" y="1353"/>
                </a:cubicBezTo>
                <a:cubicBezTo>
                  <a:pt x="2166" y="1360"/>
                  <a:pt x="2172" y="1366"/>
                  <a:pt x="2179" y="1366"/>
                </a:cubicBezTo>
                <a:cubicBezTo>
                  <a:pt x="2186" y="1366"/>
                  <a:pt x="2191" y="1360"/>
                  <a:pt x="2191" y="1353"/>
                </a:cubicBezTo>
                <a:cubicBezTo>
                  <a:pt x="2191" y="1346"/>
                  <a:pt x="2186" y="1340"/>
                  <a:pt x="2179" y="1340"/>
                </a:cubicBezTo>
                <a:close/>
                <a:moveTo>
                  <a:pt x="2888" y="1366"/>
                </a:moveTo>
                <a:cubicBezTo>
                  <a:pt x="2895" y="1366"/>
                  <a:pt x="2901" y="1360"/>
                  <a:pt x="2901" y="1353"/>
                </a:cubicBezTo>
                <a:cubicBezTo>
                  <a:pt x="2901" y="1346"/>
                  <a:pt x="2895" y="1340"/>
                  <a:pt x="2888" y="1340"/>
                </a:cubicBezTo>
                <a:cubicBezTo>
                  <a:pt x="2881" y="1340"/>
                  <a:pt x="2875" y="1346"/>
                  <a:pt x="2875" y="1353"/>
                </a:cubicBezTo>
                <a:cubicBezTo>
                  <a:pt x="2875" y="1360"/>
                  <a:pt x="2881" y="1366"/>
                  <a:pt x="2888" y="1366"/>
                </a:cubicBezTo>
                <a:close/>
                <a:moveTo>
                  <a:pt x="2928" y="1366"/>
                </a:moveTo>
                <a:cubicBezTo>
                  <a:pt x="2935" y="1366"/>
                  <a:pt x="2940" y="1360"/>
                  <a:pt x="2940" y="1353"/>
                </a:cubicBezTo>
                <a:cubicBezTo>
                  <a:pt x="2940" y="1346"/>
                  <a:pt x="2935" y="1340"/>
                  <a:pt x="2928" y="1340"/>
                </a:cubicBezTo>
                <a:cubicBezTo>
                  <a:pt x="2921" y="1340"/>
                  <a:pt x="2915" y="1346"/>
                  <a:pt x="2915" y="1353"/>
                </a:cubicBezTo>
                <a:cubicBezTo>
                  <a:pt x="2915" y="1360"/>
                  <a:pt x="2921" y="1366"/>
                  <a:pt x="2928" y="1366"/>
                </a:cubicBezTo>
                <a:close/>
                <a:moveTo>
                  <a:pt x="2967" y="1366"/>
                </a:moveTo>
                <a:cubicBezTo>
                  <a:pt x="2974" y="1366"/>
                  <a:pt x="2980" y="1360"/>
                  <a:pt x="2980" y="1353"/>
                </a:cubicBezTo>
                <a:cubicBezTo>
                  <a:pt x="2980" y="1346"/>
                  <a:pt x="2974" y="1340"/>
                  <a:pt x="2967" y="1340"/>
                </a:cubicBezTo>
                <a:cubicBezTo>
                  <a:pt x="2960" y="1340"/>
                  <a:pt x="2954" y="1346"/>
                  <a:pt x="2954" y="1353"/>
                </a:cubicBezTo>
                <a:cubicBezTo>
                  <a:pt x="2954" y="1360"/>
                  <a:pt x="2960" y="1366"/>
                  <a:pt x="2967" y="1366"/>
                </a:cubicBezTo>
                <a:close/>
                <a:moveTo>
                  <a:pt x="3006" y="1366"/>
                </a:moveTo>
                <a:cubicBezTo>
                  <a:pt x="3014" y="1366"/>
                  <a:pt x="3019" y="1360"/>
                  <a:pt x="3019" y="1353"/>
                </a:cubicBezTo>
                <a:cubicBezTo>
                  <a:pt x="3019" y="1346"/>
                  <a:pt x="3014" y="1340"/>
                  <a:pt x="3006" y="1340"/>
                </a:cubicBezTo>
                <a:cubicBezTo>
                  <a:pt x="2999" y="1340"/>
                  <a:pt x="2994" y="1346"/>
                  <a:pt x="2994" y="1353"/>
                </a:cubicBezTo>
                <a:cubicBezTo>
                  <a:pt x="2994" y="1360"/>
                  <a:pt x="2999" y="1366"/>
                  <a:pt x="3006" y="1366"/>
                </a:cubicBezTo>
                <a:close/>
                <a:moveTo>
                  <a:pt x="3046" y="1366"/>
                </a:moveTo>
                <a:cubicBezTo>
                  <a:pt x="3053" y="1366"/>
                  <a:pt x="3059" y="1360"/>
                  <a:pt x="3059" y="1353"/>
                </a:cubicBezTo>
                <a:cubicBezTo>
                  <a:pt x="3059" y="1346"/>
                  <a:pt x="3053" y="1340"/>
                  <a:pt x="3046" y="1340"/>
                </a:cubicBezTo>
                <a:cubicBezTo>
                  <a:pt x="3039" y="1340"/>
                  <a:pt x="3033" y="1346"/>
                  <a:pt x="3033" y="1353"/>
                </a:cubicBezTo>
                <a:cubicBezTo>
                  <a:pt x="3033" y="1360"/>
                  <a:pt x="3039" y="1366"/>
                  <a:pt x="3046" y="1366"/>
                </a:cubicBezTo>
                <a:close/>
                <a:moveTo>
                  <a:pt x="3085" y="1366"/>
                </a:moveTo>
                <a:cubicBezTo>
                  <a:pt x="3092" y="1366"/>
                  <a:pt x="3098" y="1360"/>
                  <a:pt x="3098" y="1353"/>
                </a:cubicBezTo>
                <a:cubicBezTo>
                  <a:pt x="3098" y="1346"/>
                  <a:pt x="3092" y="1340"/>
                  <a:pt x="3085" y="1340"/>
                </a:cubicBezTo>
                <a:cubicBezTo>
                  <a:pt x="3078" y="1340"/>
                  <a:pt x="3073" y="1346"/>
                  <a:pt x="3073" y="1353"/>
                </a:cubicBezTo>
                <a:cubicBezTo>
                  <a:pt x="3073" y="1360"/>
                  <a:pt x="3078" y="1366"/>
                  <a:pt x="3085" y="1366"/>
                </a:cubicBezTo>
                <a:close/>
                <a:moveTo>
                  <a:pt x="3125" y="1366"/>
                </a:moveTo>
                <a:cubicBezTo>
                  <a:pt x="3132" y="1366"/>
                  <a:pt x="3137" y="1360"/>
                  <a:pt x="3137" y="1353"/>
                </a:cubicBezTo>
                <a:cubicBezTo>
                  <a:pt x="3137" y="1346"/>
                  <a:pt x="3132" y="1340"/>
                  <a:pt x="3125" y="1340"/>
                </a:cubicBezTo>
                <a:cubicBezTo>
                  <a:pt x="3118" y="1340"/>
                  <a:pt x="3112" y="1346"/>
                  <a:pt x="3112" y="1353"/>
                </a:cubicBezTo>
                <a:cubicBezTo>
                  <a:pt x="3112" y="1360"/>
                  <a:pt x="3118" y="1366"/>
                  <a:pt x="3125" y="1366"/>
                </a:cubicBezTo>
                <a:close/>
                <a:moveTo>
                  <a:pt x="3164" y="1366"/>
                </a:moveTo>
                <a:cubicBezTo>
                  <a:pt x="3171" y="1366"/>
                  <a:pt x="3177" y="1360"/>
                  <a:pt x="3177" y="1353"/>
                </a:cubicBezTo>
                <a:cubicBezTo>
                  <a:pt x="3177" y="1346"/>
                  <a:pt x="3171" y="1340"/>
                  <a:pt x="3164" y="1340"/>
                </a:cubicBezTo>
                <a:cubicBezTo>
                  <a:pt x="3157" y="1340"/>
                  <a:pt x="3151" y="1346"/>
                  <a:pt x="3151" y="1353"/>
                </a:cubicBezTo>
                <a:cubicBezTo>
                  <a:pt x="3151" y="1360"/>
                  <a:pt x="3157" y="1366"/>
                  <a:pt x="3164" y="1366"/>
                </a:cubicBezTo>
                <a:close/>
                <a:moveTo>
                  <a:pt x="3204" y="1366"/>
                </a:moveTo>
                <a:cubicBezTo>
                  <a:pt x="3211" y="1366"/>
                  <a:pt x="3216" y="1360"/>
                  <a:pt x="3216" y="1353"/>
                </a:cubicBezTo>
                <a:cubicBezTo>
                  <a:pt x="3216" y="1346"/>
                  <a:pt x="3211" y="1340"/>
                  <a:pt x="3204" y="1340"/>
                </a:cubicBezTo>
                <a:cubicBezTo>
                  <a:pt x="3197" y="1340"/>
                  <a:pt x="3191" y="1346"/>
                  <a:pt x="3191" y="1353"/>
                </a:cubicBezTo>
                <a:cubicBezTo>
                  <a:pt x="3191" y="1360"/>
                  <a:pt x="3197" y="1366"/>
                  <a:pt x="3204" y="1366"/>
                </a:cubicBezTo>
                <a:close/>
                <a:moveTo>
                  <a:pt x="996" y="1405"/>
                </a:moveTo>
                <a:cubicBezTo>
                  <a:pt x="1003" y="1405"/>
                  <a:pt x="1009" y="1400"/>
                  <a:pt x="1009" y="1393"/>
                </a:cubicBezTo>
                <a:cubicBezTo>
                  <a:pt x="1009" y="1385"/>
                  <a:pt x="1003" y="1380"/>
                  <a:pt x="996" y="1380"/>
                </a:cubicBezTo>
                <a:cubicBezTo>
                  <a:pt x="989" y="1380"/>
                  <a:pt x="983" y="1385"/>
                  <a:pt x="983" y="1393"/>
                </a:cubicBezTo>
                <a:cubicBezTo>
                  <a:pt x="983" y="1400"/>
                  <a:pt x="989" y="1405"/>
                  <a:pt x="996" y="1405"/>
                </a:cubicBezTo>
                <a:close/>
                <a:moveTo>
                  <a:pt x="1035" y="1405"/>
                </a:moveTo>
                <a:cubicBezTo>
                  <a:pt x="1042" y="1405"/>
                  <a:pt x="1048" y="1400"/>
                  <a:pt x="1048" y="1393"/>
                </a:cubicBezTo>
                <a:cubicBezTo>
                  <a:pt x="1048" y="1385"/>
                  <a:pt x="1042" y="1380"/>
                  <a:pt x="1035" y="1380"/>
                </a:cubicBezTo>
                <a:cubicBezTo>
                  <a:pt x="1028" y="1380"/>
                  <a:pt x="1023" y="1385"/>
                  <a:pt x="1023" y="1393"/>
                </a:cubicBezTo>
                <a:cubicBezTo>
                  <a:pt x="1023" y="1400"/>
                  <a:pt x="1028" y="1405"/>
                  <a:pt x="1035" y="1405"/>
                </a:cubicBezTo>
                <a:close/>
                <a:moveTo>
                  <a:pt x="1075" y="1405"/>
                </a:moveTo>
                <a:cubicBezTo>
                  <a:pt x="1082" y="1405"/>
                  <a:pt x="1087" y="1400"/>
                  <a:pt x="1087" y="1393"/>
                </a:cubicBezTo>
                <a:cubicBezTo>
                  <a:pt x="1087" y="1385"/>
                  <a:pt x="1082" y="1380"/>
                  <a:pt x="1075" y="1380"/>
                </a:cubicBezTo>
                <a:cubicBezTo>
                  <a:pt x="1068" y="1380"/>
                  <a:pt x="1062" y="1385"/>
                  <a:pt x="1062" y="1393"/>
                </a:cubicBezTo>
                <a:cubicBezTo>
                  <a:pt x="1062" y="1400"/>
                  <a:pt x="1068" y="1405"/>
                  <a:pt x="1075" y="1405"/>
                </a:cubicBezTo>
                <a:close/>
                <a:moveTo>
                  <a:pt x="1114" y="1405"/>
                </a:moveTo>
                <a:cubicBezTo>
                  <a:pt x="1121" y="1405"/>
                  <a:pt x="1127" y="1400"/>
                  <a:pt x="1127" y="1393"/>
                </a:cubicBezTo>
                <a:cubicBezTo>
                  <a:pt x="1127" y="1385"/>
                  <a:pt x="1121" y="1380"/>
                  <a:pt x="1114" y="1380"/>
                </a:cubicBezTo>
                <a:cubicBezTo>
                  <a:pt x="1107" y="1380"/>
                  <a:pt x="1101" y="1385"/>
                  <a:pt x="1101" y="1393"/>
                </a:cubicBezTo>
                <a:cubicBezTo>
                  <a:pt x="1101" y="1400"/>
                  <a:pt x="1107" y="1405"/>
                  <a:pt x="1114" y="1405"/>
                </a:cubicBezTo>
                <a:close/>
                <a:moveTo>
                  <a:pt x="1154" y="1405"/>
                </a:moveTo>
                <a:cubicBezTo>
                  <a:pt x="1161" y="1405"/>
                  <a:pt x="1166" y="1400"/>
                  <a:pt x="1166" y="1393"/>
                </a:cubicBezTo>
                <a:cubicBezTo>
                  <a:pt x="1166" y="1385"/>
                  <a:pt x="1161" y="1380"/>
                  <a:pt x="1154" y="1380"/>
                </a:cubicBezTo>
                <a:cubicBezTo>
                  <a:pt x="1146" y="1380"/>
                  <a:pt x="1141" y="1385"/>
                  <a:pt x="1141" y="1393"/>
                </a:cubicBezTo>
                <a:cubicBezTo>
                  <a:pt x="1141" y="1400"/>
                  <a:pt x="1146" y="1405"/>
                  <a:pt x="1154" y="1405"/>
                </a:cubicBezTo>
                <a:close/>
                <a:moveTo>
                  <a:pt x="1193" y="1380"/>
                </a:moveTo>
                <a:cubicBezTo>
                  <a:pt x="1186" y="1380"/>
                  <a:pt x="1180" y="1385"/>
                  <a:pt x="1180" y="1393"/>
                </a:cubicBezTo>
                <a:cubicBezTo>
                  <a:pt x="1180" y="1400"/>
                  <a:pt x="1186" y="1405"/>
                  <a:pt x="1193" y="1405"/>
                </a:cubicBezTo>
                <a:cubicBezTo>
                  <a:pt x="1200" y="1405"/>
                  <a:pt x="1206" y="1400"/>
                  <a:pt x="1206" y="1393"/>
                </a:cubicBezTo>
                <a:cubicBezTo>
                  <a:pt x="1206" y="1385"/>
                  <a:pt x="1200" y="1380"/>
                  <a:pt x="1193" y="1380"/>
                </a:cubicBezTo>
                <a:close/>
                <a:moveTo>
                  <a:pt x="1863" y="1380"/>
                </a:moveTo>
                <a:cubicBezTo>
                  <a:pt x="1856" y="1380"/>
                  <a:pt x="1850" y="1385"/>
                  <a:pt x="1850" y="1393"/>
                </a:cubicBezTo>
                <a:cubicBezTo>
                  <a:pt x="1850" y="1400"/>
                  <a:pt x="1856" y="1405"/>
                  <a:pt x="1863" y="1405"/>
                </a:cubicBezTo>
                <a:cubicBezTo>
                  <a:pt x="1870" y="1405"/>
                  <a:pt x="1876" y="1400"/>
                  <a:pt x="1876" y="1393"/>
                </a:cubicBezTo>
                <a:cubicBezTo>
                  <a:pt x="1876" y="1385"/>
                  <a:pt x="1870" y="1380"/>
                  <a:pt x="1863" y="1380"/>
                </a:cubicBezTo>
                <a:close/>
                <a:moveTo>
                  <a:pt x="1903" y="1405"/>
                </a:moveTo>
                <a:cubicBezTo>
                  <a:pt x="1910" y="1405"/>
                  <a:pt x="1915" y="1400"/>
                  <a:pt x="1915" y="1393"/>
                </a:cubicBezTo>
                <a:cubicBezTo>
                  <a:pt x="1915" y="1385"/>
                  <a:pt x="1910" y="1380"/>
                  <a:pt x="1903" y="1380"/>
                </a:cubicBezTo>
                <a:cubicBezTo>
                  <a:pt x="1896" y="1380"/>
                  <a:pt x="1890" y="1385"/>
                  <a:pt x="1890" y="1393"/>
                </a:cubicBezTo>
                <a:cubicBezTo>
                  <a:pt x="1890" y="1400"/>
                  <a:pt x="1896" y="1405"/>
                  <a:pt x="1903" y="1405"/>
                </a:cubicBezTo>
                <a:close/>
                <a:moveTo>
                  <a:pt x="1942" y="1405"/>
                </a:moveTo>
                <a:cubicBezTo>
                  <a:pt x="1949" y="1405"/>
                  <a:pt x="1955" y="1400"/>
                  <a:pt x="1955" y="1393"/>
                </a:cubicBezTo>
                <a:cubicBezTo>
                  <a:pt x="1955" y="1385"/>
                  <a:pt x="1949" y="1380"/>
                  <a:pt x="1942" y="1380"/>
                </a:cubicBezTo>
                <a:cubicBezTo>
                  <a:pt x="1935" y="1380"/>
                  <a:pt x="1929" y="1385"/>
                  <a:pt x="1929" y="1393"/>
                </a:cubicBezTo>
                <a:cubicBezTo>
                  <a:pt x="1929" y="1400"/>
                  <a:pt x="1935" y="1405"/>
                  <a:pt x="1942" y="1405"/>
                </a:cubicBezTo>
                <a:close/>
                <a:moveTo>
                  <a:pt x="1981" y="1405"/>
                </a:moveTo>
                <a:cubicBezTo>
                  <a:pt x="1988" y="1405"/>
                  <a:pt x="1994" y="1400"/>
                  <a:pt x="1994" y="1393"/>
                </a:cubicBezTo>
                <a:cubicBezTo>
                  <a:pt x="1994" y="1385"/>
                  <a:pt x="1988" y="1380"/>
                  <a:pt x="1981" y="1380"/>
                </a:cubicBezTo>
                <a:cubicBezTo>
                  <a:pt x="1974" y="1380"/>
                  <a:pt x="1969" y="1385"/>
                  <a:pt x="1969" y="1393"/>
                </a:cubicBezTo>
                <a:cubicBezTo>
                  <a:pt x="1969" y="1400"/>
                  <a:pt x="1974" y="1405"/>
                  <a:pt x="1981" y="1405"/>
                </a:cubicBezTo>
                <a:close/>
                <a:moveTo>
                  <a:pt x="2021" y="1380"/>
                </a:moveTo>
                <a:cubicBezTo>
                  <a:pt x="2014" y="1380"/>
                  <a:pt x="2008" y="1385"/>
                  <a:pt x="2008" y="1393"/>
                </a:cubicBezTo>
                <a:cubicBezTo>
                  <a:pt x="2008" y="1400"/>
                  <a:pt x="2014" y="1405"/>
                  <a:pt x="2021" y="1405"/>
                </a:cubicBezTo>
                <a:cubicBezTo>
                  <a:pt x="2028" y="1405"/>
                  <a:pt x="2034" y="1400"/>
                  <a:pt x="2034" y="1393"/>
                </a:cubicBezTo>
                <a:cubicBezTo>
                  <a:pt x="2034" y="1385"/>
                  <a:pt x="2028" y="1380"/>
                  <a:pt x="2021" y="1380"/>
                </a:cubicBezTo>
                <a:close/>
                <a:moveTo>
                  <a:pt x="2888" y="1405"/>
                </a:moveTo>
                <a:cubicBezTo>
                  <a:pt x="2895" y="1405"/>
                  <a:pt x="2901" y="1400"/>
                  <a:pt x="2901" y="1393"/>
                </a:cubicBezTo>
                <a:cubicBezTo>
                  <a:pt x="2901" y="1385"/>
                  <a:pt x="2895" y="1380"/>
                  <a:pt x="2888" y="1380"/>
                </a:cubicBezTo>
                <a:cubicBezTo>
                  <a:pt x="2881" y="1380"/>
                  <a:pt x="2875" y="1385"/>
                  <a:pt x="2875" y="1393"/>
                </a:cubicBezTo>
                <a:cubicBezTo>
                  <a:pt x="2875" y="1400"/>
                  <a:pt x="2881" y="1405"/>
                  <a:pt x="2888" y="1405"/>
                </a:cubicBezTo>
                <a:close/>
                <a:moveTo>
                  <a:pt x="2928" y="1405"/>
                </a:moveTo>
                <a:cubicBezTo>
                  <a:pt x="2935" y="1405"/>
                  <a:pt x="2940" y="1400"/>
                  <a:pt x="2940" y="1393"/>
                </a:cubicBezTo>
                <a:cubicBezTo>
                  <a:pt x="2940" y="1385"/>
                  <a:pt x="2935" y="1380"/>
                  <a:pt x="2928" y="1380"/>
                </a:cubicBezTo>
                <a:cubicBezTo>
                  <a:pt x="2921" y="1380"/>
                  <a:pt x="2915" y="1385"/>
                  <a:pt x="2915" y="1393"/>
                </a:cubicBezTo>
                <a:cubicBezTo>
                  <a:pt x="2915" y="1400"/>
                  <a:pt x="2921" y="1405"/>
                  <a:pt x="2928" y="1405"/>
                </a:cubicBezTo>
                <a:close/>
                <a:moveTo>
                  <a:pt x="2967" y="1405"/>
                </a:moveTo>
                <a:cubicBezTo>
                  <a:pt x="2974" y="1405"/>
                  <a:pt x="2980" y="1400"/>
                  <a:pt x="2980" y="1393"/>
                </a:cubicBezTo>
                <a:cubicBezTo>
                  <a:pt x="2980" y="1385"/>
                  <a:pt x="2974" y="1380"/>
                  <a:pt x="2967" y="1380"/>
                </a:cubicBezTo>
                <a:cubicBezTo>
                  <a:pt x="2960" y="1380"/>
                  <a:pt x="2954" y="1385"/>
                  <a:pt x="2954" y="1393"/>
                </a:cubicBezTo>
                <a:cubicBezTo>
                  <a:pt x="2954" y="1400"/>
                  <a:pt x="2960" y="1405"/>
                  <a:pt x="2967" y="1405"/>
                </a:cubicBezTo>
                <a:close/>
                <a:moveTo>
                  <a:pt x="3006" y="1380"/>
                </a:moveTo>
                <a:cubicBezTo>
                  <a:pt x="2999" y="1380"/>
                  <a:pt x="2994" y="1385"/>
                  <a:pt x="2994" y="1393"/>
                </a:cubicBezTo>
                <a:cubicBezTo>
                  <a:pt x="2994" y="1400"/>
                  <a:pt x="2999" y="1405"/>
                  <a:pt x="3006" y="1405"/>
                </a:cubicBezTo>
                <a:cubicBezTo>
                  <a:pt x="3014" y="1405"/>
                  <a:pt x="3019" y="1400"/>
                  <a:pt x="3019" y="1393"/>
                </a:cubicBezTo>
                <a:cubicBezTo>
                  <a:pt x="3019" y="1385"/>
                  <a:pt x="3014" y="1380"/>
                  <a:pt x="3006" y="1380"/>
                </a:cubicBezTo>
                <a:close/>
                <a:moveTo>
                  <a:pt x="3046" y="1405"/>
                </a:moveTo>
                <a:cubicBezTo>
                  <a:pt x="3053" y="1405"/>
                  <a:pt x="3059" y="1400"/>
                  <a:pt x="3059" y="1393"/>
                </a:cubicBezTo>
                <a:cubicBezTo>
                  <a:pt x="3059" y="1385"/>
                  <a:pt x="3053" y="1380"/>
                  <a:pt x="3046" y="1380"/>
                </a:cubicBezTo>
                <a:cubicBezTo>
                  <a:pt x="3039" y="1380"/>
                  <a:pt x="3033" y="1385"/>
                  <a:pt x="3033" y="1393"/>
                </a:cubicBezTo>
                <a:cubicBezTo>
                  <a:pt x="3033" y="1400"/>
                  <a:pt x="3039" y="1405"/>
                  <a:pt x="3046" y="1405"/>
                </a:cubicBezTo>
                <a:close/>
                <a:moveTo>
                  <a:pt x="3085" y="1380"/>
                </a:moveTo>
                <a:cubicBezTo>
                  <a:pt x="3078" y="1380"/>
                  <a:pt x="3073" y="1385"/>
                  <a:pt x="3073" y="1393"/>
                </a:cubicBezTo>
                <a:cubicBezTo>
                  <a:pt x="3073" y="1400"/>
                  <a:pt x="3078" y="1405"/>
                  <a:pt x="3085" y="1405"/>
                </a:cubicBezTo>
                <a:cubicBezTo>
                  <a:pt x="3092" y="1405"/>
                  <a:pt x="3098" y="1400"/>
                  <a:pt x="3098" y="1393"/>
                </a:cubicBezTo>
                <a:cubicBezTo>
                  <a:pt x="3098" y="1385"/>
                  <a:pt x="3092" y="1380"/>
                  <a:pt x="3085" y="1380"/>
                </a:cubicBezTo>
                <a:close/>
                <a:moveTo>
                  <a:pt x="3125" y="1405"/>
                </a:moveTo>
                <a:cubicBezTo>
                  <a:pt x="3132" y="1405"/>
                  <a:pt x="3137" y="1400"/>
                  <a:pt x="3137" y="1393"/>
                </a:cubicBezTo>
                <a:cubicBezTo>
                  <a:pt x="3137" y="1385"/>
                  <a:pt x="3132" y="1380"/>
                  <a:pt x="3125" y="1380"/>
                </a:cubicBezTo>
                <a:cubicBezTo>
                  <a:pt x="3118" y="1380"/>
                  <a:pt x="3112" y="1385"/>
                  <a:pt x="3112" y="1393"/>
                </a:cubicBezTo>
                <a:cubicBezTo>
                  <a:pt x="3112" y="1400"/>
                  <a:pt x="3118" y="1405"/>
                  <a:pt x="3125" y="1405"/>
                </a:cubicBezTo>
                <a:close/>
                <a:moveTo>
                  <a:pt x="3164" y="1405"/>
                </a:moveTo>
                <a:cubicBezTo>
                  <a:pt x="3171" y="1405"/>
                  <a:pt x="3177" y="1400"/>
                  <a:pt x="3177" y="1393"/>
                </a:cubicBezTo>
                <a:cubicBezTo>
                  <a:pt x="3177" y="1385"/>
                  <a:pt x="3171" y="1380"/>
                  <a:pt x="3164" y="1380"/>
                </a:cubicBezTo>
                <a:cubicBezTo>
                  <a:pt x="3157" y="1380"/>
                  <a:pt x="3151" y="1385"/>
                  <a:pt x="3151" y="1393"/>
                </a:cubicBezTo>
                <a:cubicBezTo>
                  <a:pt x="3151" y="1400"/>
                  <a:pt x="3157" y="1405"/>
                  <a:pt x="3164" y="1405"/>
                </a:cubicBezTo>
                <a:close/>
                <a:moveTo>
                  <a:pt x="3204" y="1380"/>
                </a:moveTo>
                <a:cubicBezTo>
                  <a:pt x="3197" y="1380"/>
                  <a:pt x="3191" y="1385"/>
                  <a:pt x="3191" y="1393"/>
                </a:cubicBezTo>
                <a:cubicBezTo>
                  <a:pt x="3191" y="1400"/>
                  <a:pt x="3197" y="1405"/>
                  <a:pt x="3204" y="1405"/>
                </a:cubicBezTo>
                <a:cubicBezTo>
                  <a:pt x="3211" y="1405"/>
                  <a:pt x="3216" y="1400"/>
                  <a:pt x="3216" y="1393"/>
                </a:cubicBezTo>
                <a:cubicBezTo>
                  <a:pt x="3216" y="1385"/>
                  <a:pt x="3211" y="1380"/>
                  <a:pt x="3204" y="1380"/>
                </a:cubicBezTo>
                <a:close/>
                <a:moveTo>
                  <a:pt x="3243" y="1405"/>
                </a:moveTo>
                <a:cubicBezTo>
                  <a:pt x="3250" y="1405"/>
                  <a:pt x="3256" y="1400"/>
                  <a:pt x="3256" y="1393"/>
                </a:cubicBezTo>
                <a:cubicBezTo>
                  <a:pt x="3256" y="1385"/>
                  <a:pt x="3250" y="1380"/>
                  <a:pt x="3243" y="1380"/>
                </a:cubicBezTo>
                <a:cubicBezTo>
                  <a:pt x="3236" y="1380"/>
                  <a:pt x="3230" y="1385"/>
                  <a:pt x="3230" y="1393"/>
                </a:cubicBezTo>
                <a:cubicBezTo>
                  <a:pt x="3230" y="1400"/>
                  <a:pt x="3236" y="1405"/>
                  <a:pt x="3243" y="1405"/>
                </a:cubicBezTo>
                <a:close/>
                <a:moveTo>
                  <a:pt x="996" y="1445"/>
                </a:moveTo>
                <a:cubicBezTo>
                  <a:pt x="1003" y="1445"/>
                  <a:pt x="1009" y="1439"/>
                  <a:pt x="1009" y="1432"/>
                </a:cubicBezTo>
                <a:cubicBezTo>
                  <a:pt x="1009" y="1425"/>
                  <a:pt x="1003" y="1419"/>
                  <a:pt x="996" y="1419"/>
                </a:cubicBezTo>
                <a:cubicBezTo>
                  <a:pt x="989" y="1419"/>
                  <a:pt x="983" y="1425"/>
                  <a:pt x="983" y="1432"/>
                </a:cubicBezTo>
                <a:cubicBezTo>
                  <a:pt x="983" y="1439"/>
                  <a:pt x="989" y="1445"/>
                  <a:pt x="996" y="1445"/>
                </a:cubicBezTo>
                <a:close/>
                <a:moveTo>
                  <a:pt x="1035" y="1445"/>
                </a:moveTo>
                <a:cubicBezTo>
                  <a:pt x="1042" y="1445"/>
                  <a:pt x="1048" y="1439"/>
                  <a:pt x="1048" y="1432"/>
                </a:cubicBezTo>
                <a:cubicBezTo>
                  <a:pt x="1048" y="1425"/>
                  <a:pt x="1042" y="1419"/>
                  <a:pt x="1035" y="1419"/>
                </a:cubicBezTo>
                <a:cubicBezTo>
                  <a:pt x="1028" y="1419"/>
                  <a:pt x="1023" y="1425"/>
                  <a:pt x="1023" y="1432"/>
                </a:cubicBezTo>
                <a:cubicBezTo>
                  <a:pt x="1023" y="1439"/>
                  <a:pt x="1028" y="1445"/>
                  <a:pt x="1035" y="1445"/>
                </a:cubicBezTo>
                <a:close/>
                <a:moveTo>
                  <a:pt x="1075" y="1445"/>
                </a:moveTo>
                <a:cubicBezTo>
                  <a:pt x="1082" y="1445"/>
                  <a:pt x="1087" y="1439"/>
                  <a:pt x="1087" y="1432"/>
                </a:cubicBezTo>
                <a:cubicBezTo>
                  <a:pt x="1087" y="1425"/>
                  <a:pt x="1082" y="1419"/>
                  <a:pt x="1075" y="1419"/>
                </a:cubicBezTo>
                <a:cubicBezTo>
                  <a:pt x="1068" y="1419"/>
                  <a:pt x="1062" y="1425"/>
                  <a:pt x="1062" y="1432"/>
                </a:cubicBezTo>
                <a:cubicBezTo>
                  <a:pt x="1062" y="1439"/>
                  <a:pt x="1068" y="1445"/>
                  <a:pt x="1075" y="1445"/>
                </a:cubicBezTo>
                <a:close/>
                <a:moveTo>
                  <a:pt x="1114" y="1445"/>
                </a:moveTo>
                <a:cubicBezTo>
                  <a:pt x="1121" y="1445"/>
                  <a:pt x="1127" y="1439"/>
                  <a:pt x="1127" y="1432"/>
                </a:cubicBezTo>
                <a:cubicBezTo>
                  <a:pt x="1127" y="1425"/>
                  <a:pt x="1121" y="1419"/>
                  <a:pt x="1114" y="1419"/>
                </a:cubicBezTo>
                <a:cubicBezTo>
                  <a:pt x="1107" y="1419"/>
                  <a:pt x="1101" y="1425"/>
                  <a:pt x="1101" y="1432"/>
                </a:cubicBezTo>
                <a:cubicBezTo>
                  <a:pt x="1101" y="1439"/>
                  <a:pt x="1107" y="1445"/>
                  <a:pt x="1114" y="1445"/>
                </a:cubicBezTo>
                <a:close/>
                <a:moveTo>
                  <a:pt x="1154" y="1445"/>
                </a:moveTo>
                <a:cubicBezTo>
                  <a:pt x="1161" y="1445"/>
                  <a:pt x="1166" y="1439"/>
                  <a:pt x="1166" y="1432"/>
                </a:cubicBezTo>
                <a:cubicBezTo>
                  <a:pt x="1166" y="1425"/>
                  <a:pt x="1161" y="1419"/>
                  <a:pt x="1154" y="1419"/>
                </a:cubicBezTo>
                <a:cubicBezTo>
                  <a:pt x="1146" y="1419"/>
                  <a:pt x="1141" y="1425"/>
                  <a:pt x="1141" y="1432"/>
                </a:cubicBezTo>
                <a:cubicBezTo>
                  <a:pt x="1141" y="1439"/>
                  <a:pt x="1146" y="1445"/>
                  <a:pt x="1154" y="1445"/>
                </a:cubicBezTo>
                <a:close/>
                <a:moveTo>
                  <a:pt x="1193" y="1419"/>
                </a:moveTo>
                <a:cubicBezTo>
                  <a:pt x="1186" y="1419"/>
                  <a:pt x="1180" y="1425"/>
                  <a:pt x="1180" y="1432"/>
                </a:cubicBezTo>
                <a:cubicBezTo>
                  <a:pt x="1180" y="1439"/>
                  <a:pt x="1186" y="1445"/>
                  <a:pt x="1193" y="1445"/>
                </a:cubicBezTo>
                <a:cubicBezTo>
                  <a:pt x="1200" y="1445"/>
                  <a:pt x="1206" y="1439"/>
                  <a:pt x="1206" y="1432"/>
                </a:cubicBezTo>
                <a:cubicBezTo>
                  <a:pt x="1206" y="1425"/>
                  <a:pt x="1200" y="1419"/>
                  <a:pt x="1193" y="1419"/>
                </a:cubicBezTo>
                <a:close/>
                <a:moveTo>
                  <a:pt x="1903" y="1419"/>
                </a:moveTo>
                <a:cubicBezTo>
                  <a:pt x="1896" y="1419"/>
                  <a:pt x="1890" y="1425"/>
                  <a:pt x="1890" y="1432"/>
                </a:cubicBezTo>
                <a:cubicBezTo>
                  <a:pt x="1890" y="1439"/>
                  <a:pt x="1896" y="1445"/>
                  <a:pt x="1903" y="1445"/>
                </a:cubicBezTo>
                <a:cubicBezTo>
                  <a:pt x="1910" y="1445"/>
                  <a:pt x="1915" y="1439"/>
                  <a:pt x="1915" y="1432"/>
                </a:cubicBezTo>
                <a:cubicBezTo>
                  <a:pt x="1915" y="1425"/>
                  <a:pt x="1910" y="1419"/>
                  <a:pt x="1903" y="1419"/>
                </a:cubicBezTo>
                <a:close/>
                <a:moveTo>
                  <a:pt x="1942" y="1445"/>
                </a:moveTo>
                <a:cubicBezTo>
                  <a:pt x="1949" y="1445"/>
                  <a:pt x="1955" y="1439"/>
                  <a:pt x="1955" y="1432"/>
                </a:cubicBezTo>
                <a:cubicBezTo>
                  <a:pt x="1955" y="1425"/>
                  <a:pt x="1949" y="1419"/>
                  <a:pt x="1942" y="1419"/>
                </a:cubicBezTo>
                <a:cubicBezTo>
                  <a:pt x="1935" y="1419"/>
                  <a:pt x="1929" y="1425"/>
                  <a:pt x="1929" y="1432"/>
                </a:cubicBezTo>
                <a:cubicBezTo>
                  <a:pt x="1929" y="1439"/>
                  <a:pt x="1935" y="1445"/>
                  <a:pt x="1942" y="1445"/>
                </a:cubicBezTo>
                <a:close/>
                <a:moveTo>
                  <a:pt x="1981" y="1445"/>
                </a:moveTo>
                <a:cubicBezTo>
                  <a:pt x="1988" y="1445"/>
                  <a:pt x="1994" y="1439"/>
                  <a:pt x="1994" y="1432"/>
                </a:cubicBezTo>
                <a:cubicBezTo>
                  <a:pt x="1994" y="1425"/>
                  <a:pt x="1988" y="1419"/>
                  <a:pt x="1981" y="1419"/>
                </a:cubicBezTo>
                <a:cubicBezTo>
                  <a:pt x="1974" y="1419"/>
                  <a:pt x="1969" y="1425"/>
                  <a:pt x="1969" y="1432"/>
                </a:cubicBezTo>
                <a:cubicBezTo>
                  <a:pt x="1969" y="1439"/>
                  <a:pt x="1974" y="1445"/>
                  <a:pt x="1981" y="1445"/>
                </a:cubicBezTo>
                <a:close/>
                <a:moveTo>
                  <a:pt x="2888" y="1419"/>
                </a:moveTo>
                <a:cubicBezTo>
                  <a:pt x="2881" y="1419"/>
                  <a:pt x="2875" y="1425"/>
                  <a:pt x="2875" y="1432"/>
                </a:cubicBezTo>
                <a:cubicBezTo>
                  <a:pt x="2875" y="1439"/>
                  <a:pt x="2881" y="1445"/>
                  <a:pt x="2888" y="1445"/>
                </a:cubicBezTo>
                <a:cubicBezTo>
                  <a:pt x="2895" y="1445"/>
                  <a:pt x="2901" y="1439"/>
                  <a:pt x="2901" y="1432"/>
                </a:cubicBezTo>
                <a:cubicBezTo>
                  <a:pt x="2901" y="1425"/>
                  <a:pt x="2895" y="1419"/>
                  <a:pt x="2888" y="1419"/>
                </a:cubicBezTo>
                <a:close/>
                <a:moveTo>
                  <a:pt x="2928" y="1419"/>
                </a:moveTo>
                <a:cubicBezTo>
                  <a:pt x="2921" y="1419"/>
                  <a:pt x="2915" y="1425"/>
                  <a:pt x="2915" y="1432"/>
                </a:cubicBezTo>
                <a:cubicBezTo>
                  <a:pt x="2915" y="1439"/>
                  <a:pt x="2921" y="1445"/>
                  <a:pt x="2928" y="1445"/>
                </a:cubicBezTo>
                <a:cubicBezTo>
                  <a:pt x="2935" y="1445"/>
                  <a:pt x="2940" y="1439"/>
                  <a:pt x="2940" y="1432"/>
                </a:cubicBezTo>
                <a:cubicBezTo>
                  <a:pt x="2940" y="1425"/>
                  <a:pt x="2935" y="1419"/>
                  <a:pt x="2928" y="1419"/>
                </a:cubicBezTo>
                <a:close/>
                <a:moveTo>
                  <a:pt x="2967" y="1445"/>
                </a:moveTo>
                <a:cubicBezTo>
                  <a:pt x="2974" y="1445"/>
                  <a:pt x="2980" y="1439"/>
                  <a:pt x="2980" y="1432"/>
                </a:cubicBezTo>
                <a:cubicBezTo>
                  <a:pt x="2980" y="1425"/>
                  <a:pt x="2974" y="1419"/>
                  <a:pt x="2967" y="1419"/>
                </a:cubicBezTo>
                <a:cubicBezTo>
                  <a:pt x="2960" y="1419"/>
                  <a:pt x="2954" y="1425"/>
                  <a:pt x="2954" y="1432"/>
                </a:cubicBezTo>
                <a:cubicBezTo>
                  <a:pt x="2954" y="1439"/>
                  <a:pt x="2960" y="1445"/>
                  <a:pt x="2967" y="1445"/>
                </a:cubicBezTo>
                <a:close/>
                <a:moveTo>
                  <a:pt x="3006" y="1419"/>
                </a:moveTo>
                <a:cubicBezTo>
                  <a:pt x="2999" y="1419"/>
                  <a:pt x="2994" y="1425"/>
                  <a:pt x="2994" y="1432"/>
                </a:cubicBezTo>
                <a:cubicBezTo>
                  <a:pt x="2994" y="1439"/>
                  <a:pt x="2999" y="1445"/>
                  <a:pt x="3006" y="1445"/>
                </a:cubicBezTo>
                <a:cubicBezTo>
                  <a:pt x="3014" y="1445"/>
                  <a:pt x="3019" y="1439"/>
                  <a:pt x="3019" y="1432"/>
                </a:cubicBezTo>
                <a:cubicBezTo>
                  <a:pt x="3019" y="1425"/>
                  <a:pt x="3014" y="1419"/>
                  <a:pt x="3006" y="1419"/>
                </a:cubicBezTo>
                <a:close/>
                <a:moveTo>
                  <a:pt x="3046" y="1419"/>
                </a:moveTo>
                <a:cubicBezTo>
                  <a:pt x="3039" y="1419"/>
                  <a:pt x="3033" y="1425"/>
                  <a:pt x="3033" y="1432"/>
                </a:cubicBezTo>
                <a:cubicBezTo>
                  <a:pt x="3033" y="1439"/>
                  <a:pt x="3039" y="1445"/>
                  <a:pt x="3046" y="1445"/>
                </a:cubicBezTo>
                <a:cubicBezTo>
                  <a:pt x="3053" y="1445"/>
                  <a:pt x="3059" y="1439"/>
                  <a:pt x="3059" y="1432"/>
                </a:cubicBezTo>
                <a:cubicBezTo>
                  <a:pt x="3059" y="1425"/>
                  <a:pt x="3053" y="1419"/>
                  <a:pt x="3046" y="1419"/>
                </a:cubicBezTo>
                <a:close/>
                <a:moveTo>
                  <a:pt x="3085" y="1445"/>
                </a:moveTo>
                <a:cubicBezTo>
                  <a:pt x="3092" y="1445"/>
                  <a:pt x="3098" y="1439"/>
                  <a:pt x="3098" y="1432"/>
                </a:cubicBezTo>
                <a:cubicBezTo>
                  <a:pt x="3098" y="1425"/>
                  <a:pt x="3092" y="1419"/>
                  <a:pt x="3085" y="1419"/>
                </a:cubicBezTo>
                <a:cubicBezTo>
                  <a:pt x="3078" y="1419"/>
                  <a:pt x="3073" y="1425"/>
                  <a:pt x="3073" y="1432"/>
                </a:cubicBezTo>
                <a:cubicBezTo>
                  <a:pt x="3073" y="1439"/>
                  <a:pt x="3078" y="1445"/>
                  <a:pt x="3085" y="1445"/>
                </a:cubicBezTo>
                <a:close/>
                <a:moveTo>
                  <a:pt x="3125" y="1419"/>
                </a:moveTo>
                <a:cubicBezTo>
                  <a:pt x="3118" y="1419"/>
                  <a:pt x="3112" y="1425"/>
                  <a:pt x="3112" y="1432"/>
                </a:cubicBezTo>
                <a:cubicBezTo>
                  <a:pt x="3112" y="1439"/>
                  <a:pt x="3118" y="1445"/>
                  <a:pt x="3125" y="1445"/>
                </a:cubicBezTo>
                <a:cubicBezTo>
                  <a:pt x="3132" y="1445"/>
                  <a:pt x="3137" y="1439"/>
                  <a:pt x="3137" y="1432"/>
                </a:cubicBezTo>
                <a:cubicBezTo>
                  <a:pt x="3137" y="1425"/>
                  <a:pt x="3132" y="1419"/>
                  <a:pt x="3125" y="1419"/>
                </a:cubicBezTo>
                <a:close/>
                <a:moveTo>
                  <a:pt x="3164" y="1445"/>
                </a:moveTo>
                <a:cubicBezTo>
                  <a:pt x="3171" y="1445"/>
                  <a:pt x="3177" y="1439"/>
                  <a:pt x="3177" y="1432"/>
                </a:cubicBezTo>
                <a:cubicBezTo>
                  <a:pt x="3177" y="1425"/>
                  <a:pt x="3171" y="1419"/>
                  <a:pt x="3164" y="1419"/>
                </a:cubicBezTo>
                <a:cubicBezTo>
                  <a:pt x="3157" y="1419"/>
                  <a:pt x="3151" y="1425"/>
                  <a:pt x="3151" y="1432"/>
                </a:cubicBezTo>
                <a:cubicBezTo>
                  <a:pt x="3151" y="1439"/>
                  <a:pt x="3157" y="1445"/>
                  <a:pt x="3164" y="1445"/>
                </a:cubicBezTo>
                <a:close/>
                <a:moveTo>
                  <a:pt x="3204" y="1445"/>
                </a:moveTo>
                <a:cubicBezTo>
                  <a:pt x="3211" y="1445"/>
                  <a:pt x="3216" y="1439"/>
                  <a:pt x="3216" y="1432"/>
                </a:cubicBezTo>
                <a:cubicBezTo>
                  <a:pt x="3216" y="1425"/>
                  <a:pt x="3211" y="1419"/>
                  <a:pt x="3204" y="1419"/>
                </a:cubicBezTo>
                <a:cubicBezTo>
                  <a:pt x="3197" y="1419"/>
                  <a:pt x="3191" y="1425"/>
                  <a:pt x="3191" y="1432"/>
                </a:cubicBezTo>
                <a:cubicBezTo>
                  <a:pt x="3191" y="1439"/>
                  <a:pt x="3197" y="1445"/>
                  <a:pt x="3204" y="1445"/>
                </a:cubicBezTo>
                <a:close/>
                <a:moveTo>
                  <a:pt x="3243" y="1419"/>
                </a:moveTo>
                <a:cubicBezTo>
                  <a:pt x="3236" y="1419"/>
                  <a:pt x="3230" y="1425"/>
                  <a:pt x="3230" y="1432"/>
                </a:cubicBezTo>
                <a:cubicBezTo>
                  <a:pt x="3230" y="1439"/>
                  <a:pt x="3236" y="1445"/>
                  <a:pt x="3243" y="1445"/>
                </a:cubicBezTo>
                <a:cubicBezTo>
                  <a:pt x="3250" y="1445"/>
                  <a:pt x="3256" y="1439"/>
                  <a:pt x="3256" y="1432"/>
                </a:cubicBezTo>
                <a:cubicBezTo>
                  <a:pt x="3256" y="1425"/>
                  <a:pt x="3250" y="1419"/>
                  <a:pt x="3243" y="1419"/>
                </a:cubicBezTo>
                <a:close/>
                <a:moveTo>
                  <a:pt x="996" y="1484"/>
                </a:moveTo>
                <a:cubicBezTo>
                  <a:pt x="1003" y="1484"/>
                  <a:pt x="1009" y="1478"/>
                  <a:pt x="1009" y="1471"/>
                </a:cubicBezTo>
                <a:cubicBezTo>
                  <a:pt x="1009" y="1464"/>
                  <a:pt x="1003" y="1459"/>
                  <a:pt x="996" y="1459"/>
                </a:cubicBezTo>
                <a:cubicBezTo>
                  <a:pt x="989" y="1459"/>
                  <a:pt x="983" y="1464"/>
                  <a:pt x="983" y="1471"/>
                </a:cubicBezTo>
                <a:cubicBezTo>
                  <a:pt x="983" y="1478"/>
                  <a:pt x="989" y="1484"/>
                  <a:pt x="996" y="1484"/>
                </a:cubicBezTo>
                <a:close/>
                <a:moveTo>
                  <a:pt x="1035" y="1484"/>
                </a:moveTo>
                <a:cubicBezTo>
                  <a:pt x="1042" y="1484"/>
                  <a:pt x="1048" y="1478"/>
                  <a:pt x="1048" y="1471"/>
                </a:cubicBezTo>
                <a:cubicBezTo>
                  <a:pt x="1048" y="1464"/>
                  <a:pt x="1042" y="1459"/>
                  <a:pt x="1035" y="1459"/>
                </a:cubicBezTo>
                <a:cubicBezTo>
                  <a:pt x="1028" y="1459"/>
                  <a:pt x="1023" y="1464"/>
                  <a:pt x="1023" y="1471"/>
                </a:cubicBezTo>
                <a:cubicBezTo>
                  <a:pt x="1023" y="1478"/>
                  <a:pt x="1028" y="1484"/>
                  <a:pt x="1035" y="1484"/>
                </a:cubicBezTo>
                <a:close/>
                <a:moveTo>
                  <a:pt x="1075" y="1484"/>
                </a:moveTo>
                <a:cubicBezTo>
                  <a:pt x="1082" y="1484"/>
                  <a:pt x="1087" y="1478"/>
                  <a:pt x="1087" y="1471"/>
                </a:cubicBezTo>
                <a:cubicBezTo>
                  <a:pt x="1087" y="1464"/>
                  <a:pt x="1082" y="1459"/>
                  <a:pt x="1075" y="1459"/>
                </a:cubicBezTo>
                <a:cubicBezTo>
                  <a:pt x="1068" y="1459"/>
                  <a:pt x="1062" y="1464"/>
                  <a:pt x="1062" y="1471"/>
                </a:cubicBezTo>
                <a:cubicBezTo>
                  <a:pt x="1062" y="1478"/>
                  <a:pt x="1068" y="1484"/>
                  <a:pt x="1075" y="1484"/>
                </a:cubicBezTo>
                <a:close/>
                <a:moveTo>
                  <a:pt x="1114" y="1459"/>
                </a:moveTo>
                <a:cubicBezTo>
                  <a:pt x="1107" y="1459"/>
                  <a:pt x="1101" y="1464"/>
                  <a:pt x="1101" y="1471"/>
                </a:cubicBezTo>
                <a:cubicBezTo>
                  <a:pt x="1101" y="1478"/>
                  <a:pt x="1107" y="1484"/>
                  <a:pt x="1114" y="1484"/>
                </a:cubicBezTo>
                <a:cubicBezTo>
                  <a:pt x="1121" y="1484"/>
                  <a:pt x="1127" y="1478"/>
                  <a:pt x="1127" y="1471"/>
                </a:cubicBezTo>
                <a:cubicBezTo>
                  <a:pt x="1127" y="1464"/>
                  <a:pt x="1121" y="1459"/>
                  <a:pt x="1114" y="1459"/>
                </a:cubicBezTo>
                <a:close/>
                <a:moveTo>
                  <a:pt x="1154" y="1459"/>
                </a:moveTo>
                <a:cubicBezTo>
                  <a:pt x="1146" y="1459"/>
                  <a:pt x="1141" y="1464"/>
                  <a:pt x="1141" y="1471"/>
                </a:cubicBezTo>
                <a:cubicBezTo>
                  <a:pt x="1141" y="1478"/>
                  <a:pt x="1146" y="1484"/>
                  <a:pt x="1154" y="1484"/>
                </a:cubicBezTo>
                <a:cubicBezTo>
                  <a:pt x="1161" y="1484"/>
                  <a:pt x="1166" y="1478"/>
                  <a:pt x="1166" y="1471"/>
                </a:cubicBezTo>
                <a:cubicBezTo>
                  <a:pt x="1166" y="1464"/>
                  <a:pt x="1161" y="1459"/>
                  <a:pt x="1154" y="1459"/>
                </a:cubicBezTo>
                <a:close/>
                <a:moveTo>
                  <a:pt x="1903" y="1459"/>
                </a:moveTo>
                <a:cubicBezTo>
                  <a:pt x="1896" y="1459"/>
                  <a:pt x="1890" y="1464"/>
                  <a:pt x="1890" y="1471"/>
                </a:cubicBezTo>
                <a:cubicBezTo>
                  <a:pt x="1890" y="1478"/>
                  <a:pt x="1896" y="1484"/>
                  <a:pt x="1903" y="1484"/>
                </a:cubicBezTo>
                <a:cubicBezTo>
                  <a:pt x="1910" y="1484"/>
                  <a:pt x="1915" y="1478"/>
                  <a:pt x="1915" y="1471"/>
                </a:cubicBezTo>
                <a:cubicBezTo>
                  <a:pt x="1915" y="1464"/>
                  <a:pt x="1910" y="1459"/>
                  <a:pt x="1903" y="1459"/>
                </a:cubicBezTo>
                <a:close/>
                <a:moveTo>
                  <a:pt x="1942" y="1459"/>
                </a:moveTo>
                <a:cubicBezTo>
                  <a:pt x="1935" y="1459"/>
                  <a:pt x="1929" y="1464"/>
                  <a:pt x="1929" y="1471"/>
                </a:cubicBezTo>
                <a:cubicBezTo>
                  <a:pt x="1929" y="1478"/>
                  <a:pt x="1935" y="1484"/>
                  <a:pt x="1942" y="1484"/>
                </a:cubicBezTo>
                <a:cubicBezTo>
                  <a:pt x="1949" y="1484"/>
                  <a:pt x="1955" y="1478"/>
                  <a:pt x="1955" y="1471"/>
                </a:cubicBezTo>
                <a:cubicBezTo>
                  <a:pt x="1955" y="1464"/>
                  <a:pt x="1949" y="1459"/>
                  <a:pt x="1942" y="1459"/>
                </a:cubicBezTo>
                <a:close/>
                <a:moveTo>
                  <a:pt x="1981" y="1459"/>
                </a:moveTo>
                <a:cubicBezTo>
                  <a:pt x="1974" y="1459"/>
                  <a:pt x="1969" y="1464"/>
                  <a:pt x="1969" y="1471"/>
                </a:cubicBezTo>
                <a:cubicBezTo>
                  <a:pt x="1969" y="1478"/>
                  <a:pt x="1974" y="1484"/>
                  <a:pt x="1981" y="1484"/>
                </a:cubicBezTo>
                <a:cubicBezTo>
                  <a:pt x="1988" y="1484"/>
                  <a:pt x="1994" y="1478"/>
                  <a:pt x="1994" y="1471"/>
                </a:cubicBezTo>
                <a:cubicBezTo>
                  <a:pt x="1994" y="1464"/>
                  <a:pt x="1988" y="1459"/>
                  <a:pt x="1981" y="1459"/>
                </a:cubicBezTo>
                <a:close/>
                <a:moveTo>
                  <a:pt x="2888" y="1459"/>
                </a:moveTo>
                <a:cubicBezTo>
                  <a:pt x="2881" y="1459"/>
                  <a:pt x="2875" y="1464"/>
                  <a:pt x="2875" y="1471"/>
                </a:cubicBezTo>
                <a:cubicBezTo>
                  <a:pt x="2875" y="1478"/>
                  <a:pt x="2881" y="1484"/>
                  <a:pt x="2888" y="1484"/>
                </a:cubicBezTo>
                <a:cubicBezTo>
                  <a:pt x="2895" y="1484"/>
                  <a:pt x="2901" y="1478"/>
                  <a:pt x="2901" y="1471"/>
                </a:cubicBezTo>
                <a:cubicBezTo>
                  <a:pt x="2901" y="1464"/>
                  <a:pt x="2895" y="1459"/>
                  <a:pt x="2888" y="1459"/>
                </a:cubicBezTo>
                <a:close/>
                <a:moveTo>
                  <a:pt x="2928" y="1459"/>
                </a:moveTo>
                <a:cubicBezTo>
                  <a:pt x="2921" y="1459"/>
                  <a:pt x="2915" y="1464"/>
                  <a:pt x="2915" y="1471"/>
                </a:cubicBezTo>
                <a:cubicBezTo>
                  <a:pt x="2915" y="1478"/>
                  <a:pt x="2921" y="1484"/>
                  <a:pt x="2928" y="1484"/>
                </a:cubicBezTo>
                <a:cubicBezTo>
                  <a:pt x="2935" y="1484"/>
                  <a:pt x="2940" y="1478"/>
                  <a:pt x="2940" y="1471"/>
                </a:cubicBezTo>
                <a:cubicBezTo>
                  <a:pt x="2940" y="1464"/>
                  <a:pt x="2935" y="1459"/>
                  <a:pt x="2928" y="1459"/>
                </a:cubicBezTo>
                <a:close/>
                <a:moveTo>
                  <a:pt x="2967" y="1459"/>
                </a:moveTo>
                <a:cubicBezTo>
                  <a:pt x="2960" y="1459"/>
                  <a:pt x="2954" y="1464"/>
                  <a:pt x="2954" y="1471"/>
                </a:cubicBezTo>
                <a:cubicBezTo>
                  <a:pt x="2954" y="1478"/>
                  <a:pt x="2960" y="1484"/>
                  <a:pt x="2967" y="1484"/>
                </a:cubicBezTo>
                <a:cubicBezTo>
                  <a:pt x="2974" y="1484"/>
                  <a:pt x="2980" y="1478"/>
                  <a:pt x="2980" y="1471"/>
                </a:cubicBezTo>
                <a:cubicBezTo>
                  <a:pt x="2980" y="1464"/>
                  <a:pt x="2974" y="1459"/>
                  <a:pt x="2967" y="1459"/>
                </a:cubicBezTo>
                <a:close/>
                <a:moveTo>
                  <a:pt x="3085" y="1459"/>
                </a:moveTo>
                <a:cubicBezTo>
                  <a:pt x="3078" y="1459"/>
                  <a:pt x="3073" y="1464"/>
                  <a:pt x="3073" y="1471"/>
                </a:cubicBezTo>
                <a:cubicBezTo>
                  <a:pt x="3073" y="1478"/>
                  <a:pt x="3078" y="1484"/>
                  <a:pt x="3085" y="1484"/>
                </a:cubicBezTo>
                <a:cubicBezTo>
                  <a:pt x="3092" y="1484"/>
                  <a:pt x="3098" y="1478"/>
                  <a:pt x="3098" y="1471"/>
                </a:cubicBezTo>
                <a:cubicBezTo>
                  <a:pt x="3098" y="1464"/>
                  <a:pt x="3092" y="1459"/>
                  <a:pt x="3085" y="1459"/>
                </a:cubicBezTo>
                <a:close/>
                <a:moveTo>
                  <a:pt x="3125" y="1459"/>
                </a:moveTo>
                <a:cubicBezTo>
                  <a:pt x="3118" y="1459"/>
                  <a:pt x="3112" y="1464"/>
                  <a:pt x="3112" y="1471"/>
                </a:cubicBezTo>
                <a:cubicBezTo>
                  <a:pt x="3112" y="1478"/>
                  <a:pt x="3118" y="1484"/>
                  <a:pt x="3125" y="1484"/>
                </a:cubicBezTo>
                <a:cubicBezTo>
                  <a:pt x="3132" y="1484"/>
                  <a:pt x="3137" y="1478"/>
                  <a:pt x="3137" y="1471"/>
                </a:cubicBezTo>
                <a:cubicBezTo>
                  <a:pt x="3137" y="1464"/>
                  <a:pt x="3132" y="1459"/>
                  <a:pt x="3125" y="1459"/>
                </a:cubicBezTo>
                <a:close/>
                <a:moveTo>
                  <a:pt x="3164" y="1459"/>
                </a:moveTo>
                <a:cubicBezTo>
                  <a:pt x="3157" y="1459"/>
                  <a:pt x="3151" y="1464"/>
                  <a:pt x="3151" y="1471"/>
                </a:cubicBezTo>
                <a:cubicBezTo>
                  <a:pt x="3151" y="1478"/>
                  <a:pt x="3157" y="1484"/>
                  <a:pt x="3164" y="1484"/>
                </a:cubicBezTo>
                <a:cubicBezTo>
                  <a:pt x="3171" y="1484"/>
                  <a:pt x="3177" y="1478"/>
                  <a:pt x="3177" y="1471"/>
                </a:cubicBezTo>
                <a:cubicBezTo>
                  <a:pt x="3177" y="1464"/>
                  <a:pt x="3171" y="1459"/>
                  <a:pt x="3164" y="1459"/>
                </a:cubicBezTo>
                <a:close/>
                <a:moveTo>
                  <a:pt x="3204" y="1459"/>
                </a:moveTo>
                <a:cubicBezTo>
                  <a:pt x="3197" y="1459"/>
                  <a:pt x="3191" y="1464"/>
                  <a:pt x="3191" y="1471"/>
                </a:cubicBezTo>
                <a:cubicBezTo>
                  <a:pt x="3191" y="1478"/>
                  <a:pt x="3197" y="1484"/>
                  <a:pt x="3204" y="1484"/>
                </a:cubicBezTo>
                <a:cubicBezTo>
                  <a:pt x="3211" y="1484"/>
                  <a:pt x="3216" y="1478"/>
                  <a:pt x="3216" y="1471"/>
                </a:cubicBezTo>
                <a:cubicBezTo>
                  <a:pt x="3216" y="1464"/>
                  <a:pt x="3211" y="1459"/>
                  <a:pt x="3204" y="1459"/>
                </a:cubicBezTo>
                <a:close/>
                <a:moveTo>
                  <a:pt x="3243" y="1466"/>
                </a:moveTo>
                <a:cubicBezTo>
                  <a:pt x="3240" y="1466"/>
                  <a:pt x="3238" y="1469"/>
                  <a:pt x="3238" y="1471"/>
                </a:cubicBezTo>
                <a:cubicBezTo>
                  <a:pt x="3238" y="1474"/>
                  <a:pt x="3240" y="1476"/>
                  <a:pt x="3243" y="1476"/>
                </a:cubicBezTo>
                <a:cubicBezTo>
                  <a:pt x="3246" y="1476"/>
                  <a:pt x="3248" y="1474"/>
                  <a:pt x="3248" y="1471"/>
                </a:cubicBezTo>
                <a:cubicBezTo>
                  <a:pt x="3248" y="1469"/>
                  <a:pt x="3246" y="1466"/>
                  <a:pt x="3243" y="1466"/>
                </a:cubicBezTo>
                <a:close/>
                <a:moveTo>
                  <a:pt x="996" y="1498"/>
                </a:moveTo>
                <a:cubicBezTo>
                  <a:pt x="989" y="1498"/>
                  <a:pt x="983" y="1504"/>
                  <a:pt x="983" y="1511"/>
                </a:cubicBezTo>
                <a:cubicBezTo>
                  <a:pt x="983" y="1518"/>
                  <a:pt x="989" y="1524"/>
                  <a:pt x="996" y="1524"/>
                </a:cubicBezTo>
                <a:cubicBezTo>
                  <a:pt x="1003" y="1524"/>
                  <a:pt x="1009" y="1518"/>
                  <a:pt x="1009" y="1511"/>
                </a:cubicBezTo>
                <a:cubicBezTo>
                  <a:pt x="1009" y="1504"/>
                  <a:pt x="1003" y="1498"/>
                  <a:pt x="996" y="1498"/>
                </a:cubicBezTo>
                <a:close/>
                <a:moveTo>
                  <a:pt x="1035" y="1498"/>
                </a:moveTo>
                <a:cubicBezTo>
                  <a:pt x="1028" y="1498"/>
                  <a:pt x="1023" y="1504"/>
                  <a:pt x="1023" y="1511"/>
                </a:cubicBezTo>
                <a:cubicBezTo>
                  <a:pt x="1023" y="1518"/>
                  <a:pt x="1028" y="1524"/>
                  <a:pt x="1035" y="1524"/>
                </a:cubicBezTo>
                <a:cubicBezTo>
                  <a:pt x="1042" y="1524"/>
                  <a:pt x="1048" y="1518"/>
                  <a:pt x="1048" y="1511"/>
                </a:cubicBezTo>
                <a:cubicBezTo>
                  <a:pt x="1048" y="1504"/>
                  <a:pt x="1042" y="1498"/>
                  <a:pt x="1035" y="1498"/>
                </a:cubicBezTo>
                <a:close/>
                <a:moveTo>
                  <a:pt x="1075" y="1498"/>
                </a:moveTo>
                <a:cubicBezTo>
                  <a:pt x="1068" y="1498"/>
                  <a:pt x="1062" y="1504"/>
                  <a:pt x="1062" y="1511"/>
                </a:cubicBezTo>
                <a:cubicBezTo>
                  <a:pt x="1062" y="1518"/>
                  <a:pt x="1068" y="1524"/>
                  <a:pt x="1075" y="1524"/>
                </a:cubicBezTo>
                <a:cubicBezTo>
                  <a:pt x="1082" y="1524"/>
                  <a:pt x="1087" y="1518"/>
                  <a:pt x="1087" y="1511"/>
                </a:cubicBezTo>
                <a:cubicBezTo>
                  <a:pt x="1087" y="1504"/>
                  <a:pt x="1082" y="1498"/>
                  <a:pt x="1075" y="1498"/>
                </a:cubicBezTo>
                <a:close/>
                <a:moveTo>
                  <a:pt x="3085" y="1498"/>
                </a:moveTo>
                <a:cubicBezTo>
                  <a:pt x="3078" y="1498"/>
                  <a:pt x="3073" y="1504"/>
                  <a:pt x="3073" y="1511"/>
                </a:cubicBezTo>
                <a:cubicBezTo>
                  <a:pt x="3073" y="1518"/>
                  <a:pt x="3078" y="1524"/>
                  <a:pt x="3085" y="1524"/>
                </a:cubicBezTo>
                <a:cubicBezTo>
                  <a:pt x="3092" y="1524"/>
                  <a:pt x="3098" y="1518"/>
                  <a:pt x="3098" y="1511"/>
                </a:cubicBezTo>
                <a:cubicBezTo>
                  <a:pt x="3098" y="1504"/>
                  <a:pt x="3092" y="1498"/>
                  <a:pt x="3085" y="1498"/>
                </a:cubicBezTo>
                <a:close/>
                <a:moveTo>
                  <a:pt x="3125" y="1498"/>
                </a:moveTo>
                <a:cubicBezTo>
                  <a:pt x="3118" y="1498"/>
                  <a:pt x="3112" y="1504"/>
                  <a:pt x="3112" y="1511"/>
                </a:cubicBezTo>
                <a:cubicBezTo>
                  <a:pt x="3112" y="1518"/>
                  <a:pt x="3118" y="1524"/>
                  <a:pt x="3125" y="1524"/>
                </a:cubicBezTo>
                <a:cubicBezTo>
                  <a:pt x="3132" y="1524"/>
                  <a:pt x="3137" y="1518"/>
                  <a:pt x="3137" y="1511"/>
                </a:cubicBezTo>
                <a:cubicBezTo>
                  <a:pt x="3137" y="1504"/>
                  <a:pt x="3132" y="1498"/>
                  <a:pt x="3125" y="1498"/>
                </a:cubicBezTo>
                <a:close/>
                <a:moveTo>
                  <a:pt x="3164" y="1498"/>
                </a:moveTo>
                <a:cubicBezTo>
                  <a:pt x="3157" y="1498"/>
                  <a:pt x="3151" y="1504"/>
                  <a:pt x="3151" y="1511"/>
                </a:cubicBezTo>
                <a:cubicBezTo>
                  <a:pt x="3151" y="1518"/>
                  <a:pt x="3157" y="1524"/>
                  <a:pt x="3164" y="1524"/>
                </a:cubicBezTo>
                <a:cubicBezTo>
                  <a:pt x="3171" y="1524"/>
                  <a:pt x="3177" y="1518"/>
                  <a:pt x="3177" y="1511"/>
                </a:cubicBezTo>
                <a:cubicBezTo>
                  <a:pt x="3177" y="1504"/>
                  <a:pt x="3171" y="1498"/>
                  <a:pt x="3164" y="1498"/>
                </a:cubicBezTo>
                <a:close/>
                <a:moveTo>
                  <a:pt x="3204" y="1498"/>
                </a:moveTo>
                <a:cubicBezTo>
                  <a:pt x="3197" y="1498"/>
                  <a:pt x="3191" y="1504"/>
                  <a:pt x="3191" y="1511"/>
                </a:cubicBezTo>
                <a:cubicBezTo>
                  <a:pt x="3191" y="1518"/>
                  <a:pt x="3197" y="1524"/>
                  <a:pt x="3204" y="1524"/>
                </a:cubicBezTo>
                <a:cubicBezTo>
                  <a:pt x="3211" y="1524"/>
                  <a:pt x="3216" y="1518"/>
                  <a:pt x="3216" y="1511"/>
                </a:cubicBezTo>
                <a:cubicBezTo>
                  <a:pt x="3216" y="1504"/>
                  <a:pt x="3211" y="1498"/>
                  <a:pt x="3204" y="1498"/>
                </a:cubicBezTo>
                <a:close/>
                <a:moveTo>
                  <a:pt x="956" y="1537"/>
                </a:moveTo>
                <a:cubicBezTo>
                  <a:pt x="949" y="1537"/>
                  <a:pt x="944" y="1543"/>
                  <a:pt x="944" y="1550"/>
                </a:cubicBezTo>
                <a:cubicBezTo>
                  <a:pt x="944" y="1557"/>
                  <a:pt x="949" y="1563"/>
                  <a:pt x="956" y="1563"/>
                </a:cubicBezTo>
                <a:cubicBezTo>
                  <a:pt x="963" y="1563"/>
                  <a:pt x="969" y="1557"/>
                  <a:pt x="969" y="1550"/>
                </a:cubicBezTo>
                <a:cubicBezTo>
                  <a:pt x="969" y="1543"/>
                  <a:pt x="963" y="1537"/>
                  <a:pt x="956" y="1537"/>
                </a:cubicBezTo>
                <a:close/>
                <a:moveTo>
                  <a:pt x="996" y="1537"/>
                </a:moveTo>
                <a:cubicBezTo>
                  <a:pt x="989" y="1537"/>
                  <a:pt x="983" y="1543"/>
                  <a:pt x="983" y="1550"/>
                </a:cubicBezTo>
                <a:cubicBezTo>
                  <a:pt x="983" y="1557"/>
                  <a:pt x="989" y="1563"/>
                  <a:pt x="996" y="1563"/>
                </a:cubicBezTo>
                <a:cubicBezTo>
                  <a:pt x="1003" y="1563"/>
                  <a:pt x="1009" y="1557"/>
                  <a:pt x="1009" y="1550"/>
                </a:cubicBezTo>
                <a:cubicBezTo>
                  <a:pt x="1009" y="1543"/>
                  <a:pt x="1003" y="1537"/>
                  <a:pt x="996" y="1537"/>
                </a:cubicBezTo>
                <a:close/>
                <a:moveTo>
                  <a:pt x="1035" y="1537"/>
                </a:moveTo>
                <a:cubicBezTo>
                  <a:pt x="1028" y="1537"/>
                  <a:pt x="1023" y="1543"/>
                  <a:pt x="1023" y="1550"/>
                </a:cubicBezTo>
                <a:cubicBezTo>
                  <a:pt x="1023" y="1557"/>
                  <a:pt x="1028" y="1563"/>
                  <a:pt x="1035" y="1563"/>
                </a:cubicBezTo>
                <a:cubicBezTo>
                  <a:pt x="1042" y="1563"/>
                  <a:pt x="1048" y="1557"/>
                  <a:pt x="1048" y="1550"/>
                </a:cubicBezTo>
                <a:cubicBezTo>
                  <a:pt x="1048" y="1543"/>
                  <a:pt x="1042" y="1537"/>
                  <a:pt x="1035" y="1537"/>
                </a:cubicBezTo>
                <a:close/>
                <a:moveTo>
                  <a:pt x="3480" y="1537"/>
                </a:moveTo>
                <a:cubicBezTo>
                  <a:pt x="3473" y="1537"/>
                  <a:pt x="3467" y="1543"/>
                  <a:pt x="3467" y="1550"/>
                </a:cubicBezTo>
                <a:cubicBezTo>
                  <a:pt x="3467" y="1557"/>
                  <a:pt x="3473" y="1563"/>
                  <a:pt x="3480" y="1563"/>
                </a:cubicBezTo>
                <a:cubicBezTo>
                  <a:pt x="3487" y="1563"/>
                  <a:pt x="3492" y="1557"/>
                  <a:pt x="3492" y="1550"/>
                </a:cubicBezTo>
                <a:cubicBezTo>
                  <a:pt x="3492" y="1543"/>
                  <a:pt x="3487" y="1537"/>
                  <a:pt x="3480" y="1537"/>
                </a:cubicBezTo>
                <a:close/>
                <a:moveTo>
                  <a:pt x="965" y="1590"/>
                </a:moveTo>
                <a:cubicBezTo>
                  <a:pt x="965" y="1585"/>
                  <a:pt x="961" y="1581"/>
                  <a:pt x="956" y="1581"/>
                </a:cubicBezTo>
                <a:cubicBezTo>
                  <a:pt x="952" y="1581"/>
                  <a:pt x="948" y="1585"/>
                  <a:pt x="948" y="1590"/>
                </a:cubicBezTo>
                <a:cubicBezTo>
                  <a:pt x="948" y="1594"/>
                  <a:pt x="952" y="1598"/>
                  <a:pt x="956" y="1598"/>
                </a:cubicBezTo>
                <a:cubicBezTo>
                  <a:pt x="961" y="1598"/>
                  <a:pt x="965" y="1594"/>
                  <a:pt x="965" y="1590"/>
                </a:cubicBezTo>
                <a:close/>
                <a:moveTo>
                  <a:pt x="996" y="1577"/>
                </a:moveTo>
                <a:cubicBezTo>
                  <a:pt x="989" y="1577"/>
                  <a:pt x="983" y="1583"/>
                  <a:pt x="983" y="1590"/>
                </a:cubicBezTo>
                <a:cubicBezTo>
                  <a:pt x="983" y="1597"/>
                  <a:pt x="989" y="1602"/>
                  <a:pt x="996" y="1602"/>
                </a:cubicBezTo>
                <a:cubicBezTo>
                  <a:pt x="1003" y="1602"/>
                  <a:pt x="1009" y="1597"/>
                  <a:pt x="1009" y="1590"/>
                </a:cubicBezTo>
                <a:cubicBezTo>
                  <a:pt x="1009" y="1583"/>
                  <a:pt x="1003" y="1577"/>
                  <a:pt x="996" y="1577"/>
                </a:cubicBezTo>
                <a:close/>
                <a:moveTo>
                  <a:pt x="1035" y="1577"/>
                </a:moveTo>
                <a:cubicBezTo>
                  <a:pt x="1028" y="1577"/>
                  <a:pt x="1023" y="1583"/>
                  <a:pt x="1023" y="1590"/>
                </a:cubicBezTo>
                <a:cubicBezTo>
                  <a:pt x="1023" y="1597"/>
                  <a:pt x="1028" y="1602"/>
                  <a:pt x="1035" y="1602"/>
                </a:cubicBezTo>
                <a:cubicBezTo>
                  <a:pt x="1042" y="1602"/>
                  <a:pt x="1048" y="1597"/>
                  <a:pt x="1048" y="1590"/>
                </a:cubicBezTo>
                <a:cubicBezTo>
                  <a:pt x="1048" y="1583"/>
                  <a:pt x="1042" y="1577"/>
                  <a:pt x="1035" y="1577"/>
                </a:cubicBezTo>
                <a:close/>
                <a:moveTo>
                  <a:pt x="3440" y="1577"/>
                </a:moveTo>
                <a:cubicBezTo>
                  <a:pt x="3433" y="1577"/>
                  <a:pt x="3427" y="1583"/>
                  <a:pt x="3427" y="1590"/>
                </a:cubicBezTo>
                <a:cubicBezTo>
                  <a:pt x="3427" y="1597"/>
                  <a:pt x="3433" y="1602"/>
                  <a:pt x="3440" y="1602"/>
                </a:cubicBezTo>
                <a:cubicBezTo>
                  <a:pt x="3447" y="1602"/>
                  <a:pt x="3453" y="1597"/>
                  <a:pt x="3453" y="1590"/>
                </a:cubicBezTo>
                <a:cubicBezTo>
                  <a:pt x="3453" y="1583"/>
                  <a:pt x="3447" y="1577"/>
                  <a:pt x="3440" y="1577"/>
                </a:cubicBezTo>
                <a:close/>
                <a:moveTo>
                  <a:pt x="944" y="1629"/>
                </a:moveTo>
                <a:cubicBezTo>
                  <a:pt x="944" y="1636"/>
                  <a:pt x="949" y="1642"/>
                  <a:pt x="956" y="1642"/>
                </a:cubicBezTo>
                <a:cubicBezTo>
                  <a:pt x="963" y="1642"/>
                  <a:pt x="969" y="1636"/>
                  <a:pt x="969" y="1629"/>
                </a:cubicBezTo>
                <a:cubicBezTo>
                  <a:pt x="969" y="1622"/>
                  <a:pt x="963" y="1616"/>
                  <a:pt x="956" y="1616"/>
                </a:cubicBezTo>
                <a:cubicBezTo>
                  <a:pt x="949" y="1616"/>
                  <a:pt x="944" y="1622"/>
                  <a:pt x="944" y="1629"/>
                </a:cubicBezTo>
                <a:close/>
                <a:moveTo>
                  <a:pt x="996" y="1616"/>
                </a:moveTo>
                <a:cubicBezTo>
                  <a:pt x="989" y="1616"/>
                  <a:pt x="983" y="1622"/>
                  <a:pt x="983" y="1629"/>
                </a:cubicBezTo>
                <a:cubicBezTo>
                  <a:pt x="983" y="1636"/>
                  <a:pt x="989" y="1642"/>
                  <a:pt x="996" y="1642"/>
                </a:cubicBezTo>
                <a:cubicBezTo>
                  <a:pt x="1003" y="1642"/>
                  <a:pt x="1009" y="1636"/>
                  <a:pt x="1009" y="1629"/>
                </a:cubicBezTo>
                <a:cubicBezTo>
                  <a:pt x="1009" y="1622"/>
                  <a:pt x="1003" y="1616"/>
                  <a:pt x="996" y="1616"/>
                </a:cubicBezTo>
                <a:close/>
                <a:moveTo>
                  <a:pt x="3401" y="1616"/>
                </a:moveTo>
                <a:cubicBezTo>
                  <a:pt x="3394" y="1616"/>
                  <a:pt x="3388" y="1622"/>
                  <a:pt x="3388" y="1629"/>
                </a:cubicBezTo>
                <a:cubicBezTo>
                  <a:pt x="3388" y="1636"/>
                  <a:pt x="3394" y="1642"/>
                  <a:pt x="3401" y="1642"/>
                </a:cubicBezTo>
                <a:cubicBezTo>
                  <a:pt x="3408" y="1642"/>
                  <a:pt x="3413" y="1636"/>
                  <a:pt x="3413" y="1629"/>
                </a:cubicBezTo>
                <a:cubicBezTo>
                  <a:pt x="3413" y="1622"/>
                  <a:pt x="3408" y="1616"/>
                  <a:pt x="3401" y="1616"/>
                </a:cubicBezTo>
                <a:close/>
                <a:moveTo>
                  <a:pt x="956" y="1656"/>
                </a:moveTo>
                <a:cubicBezTo>
                  <a:pt x="949" y="1656"/>
                  <a:pt x="944" y="1661"/>
                  <a:pt x="944" y="1668"/>
                </a:cubicBezTo>
                <a:cubicBezTo>
                  <a:pt x="944" y="1676"/>
                  <a:pt x="949" y="1681"/>
                  <a:pt x="956" y="1681"/>
                </a:cubicBezTo>
                <a:cubicBezTo>
                  <a:pt x="963" y="1681"/>
                  <a:pt x="969" y="1676"/>
                  <a:pt x="969" y="1668"/>
                </a:cubicBezTo>
                <a:cubicBezTo>
                  <a:pt x="969" y="1661"/>
                  <a:pt x="963" y="1656"/>
                  <a:pt x="956" y="1656"/>
                </a:cubicBezTo>
                <a:close/>
                <a:moveTo>
                  <a:pt x="996" y="1656"/>
                </a:moveTo>
                <a:cubicBezTo>
                  <a:pt x="989" y="1656"/>
                  <a:pt x="983" y="1661"/>
                  <a:pt x="983" y="1668"/>
                </a:cubicBezTo>
                <a:cubicBezTo>
                  <a:pt x="983" y="1676"/>
                  <a:pt x="989" y="1681"/>
                  <a:pt x="996" y="1681"/>
                </a:cubicBezTo>
                <a:cubicBezTo>
                  <a:pt x="1003" y="1681"/>
                  <a:pt x="1009" y="1676"/>
                  <a:pt x="1009" y="1668"/>
                </a:cubicBezTo>
                <a:cubicBezTo>
                  <a:pt x="1009" y="1661"/>
                  <a:pt x="1003" y="1656"/>
                  <a:pt x="996" y="1656"/>
                </a:cubicBezTo>
                <a:close/>
                <a:moveTo>
                  <a:pt x="956" y="1696"/>
                </a:moveTo>
                <a:cubicBezTo>
                  <a:pt x="950" y="1696"/>
                  <a:pt x="945" y="1702"/>
                  <a:pt x="945" y="1708"/>
                </a:cubicBezTo>
                <a:cubicBezTo>
                  <a:pt x="945" y="1714"/>
                  <a:pt x="950" y="1719"/>
                  <a:pt x="956" y="1719"/>
                </a:cubicBezTo>
                <a:cubicBezTo>
                  <a:pt x="963" y="1719"/>
                  <a:pt x="968" y="1714"/>
                  <a:pt x="968" y="1708"/>
                </a:cubicBezTo>
                <a:cubicBezTo>
                  <a:pt x="968" y="1702"/>
                  <a:pt x="963" y="1696"/>
                  <a:pt x="956" y="1696"/>
                </a:cubicBezTo>
                <a:close/>
                <a:moveTo>
                  <a:pt x="996" y="1719"/>
                </a:moveTo>
                <a:cubicBezTo>
                  <a:pt x="1002" y="1719"/>
                  <a:pt x="1007" y="1714"/>
                  <a:pt x="1007" y="1708"/>
                </a:cubicBezTo>
                <a:cubicBezTo>
                  <a:pt x="1007" y="1702"/>
                  <a:pt x="1002" y="1697"/>
                  <a:pt x="996" y="1697"/>
                </a:cubicBezTo>
                <a:cubicBezTo>
                  <a:pt x="990" y="1697"/>
                  <a:pt x="985" y="1702"/>
                  <a:pt x="985" y="1708"/>
                </a:cubicBezTo>
                <a:cubicBezTo>
                  <a:pt x="985" y="1714"/>
                  <a:pt x="990" y="1719"/>
                  <a:pt x="996" y="1719"/>
                </a:cubicBezTo>
                <a:close/>
                <a:moveTo>
                  <a:pt x="996" y="1735"/>
                </a:moveTo>
                <a:cubicBezTo>
                  <a:pt x="989" y="1735"/>
                  <a:pt x="983" y="1740"/>
                  <a:pt x="983" y="1747"/>
                </a:cubicBezTo>
                <a:cubicBezTo>
                  <a:pt x="983" y="1754"/>
                  <a:pt x="989" y="1760"/>
                  <a:pt x="996" y="1760"/>
                </a:cubicBezTo>
                <a:cubicBezTo>
                  <a:pt x="1003" y="1760"/>
                  <a:pt x="1009" y="1754"/>
                  <a:pt x="1009" y="1747"/>
                </a:cubicBezTo>
                <a:cubicBezTo>
                  <a:pt x="1009" y="1740"/>
                  <a:pt x="1003" y="1735"/>
                  <a:pt x="996" y="1735"/>
                </a:cubicBezTo>
                <a:close/>
              </a:path>
            </a:pathLst>
          </a:custGeom>
          <a:solidFill>
            <a:schemeClr val="tx1">
              <a:lumMod val="60000"/>
              <a:lumOff val="40000"/>
              <a:alpha val="25000"/>
            </a:schemeClr>
          </a:solidFill>
          <a:ln>
            <a:noFill/>
          </a:ln>
        </p:spPr>
        <p:txBody>
          <a:bodyPr wrap="square" lIns="91440" tIns="45720" rIns="91440" bIns="45720" anchor="ctr">
            <a:normAutofit/>
          </a:bodyPr>
          <a:lstStyle/>
          <a:p>
            <a:pPr algn="ctr"/>
          </a:p>
        </p:txBody>
      </p:sp>
      <p:sp>
        <p:nvSpPr>
          <p:cNvPr id="5" name="íṩ1íďê"/>
          <p:cNvSpPr/>
          <p:nvPr/>
        </p:nvSpPr>
        <p:spPr>
          <a:xfrm>
            <a:off x="888455" y="851234"/>
            <a:ext cx="3646332" cy="960053"/>
          </a:xfrm>
          <a:prstGeom prst="rect">
            <a:avLst/>
          </a:prstGeom>
        </p:spPr>
        <p:txBody>
          <a:bodyPr wrap="square" lIns="91440" tIns="45720" rIns="91440" bIns="45720" anchor="ctr" anchorCtr="0">
            <a:normAutofit/>
          </a:bodyPr>
          <a:lstStyle/>
          <a:p>
            <a:pPr algn="ctr"/>
            <a:r>
              <a:rPr lang="en-US" altLang="zh-CN" sz="5400" dirty="0">
                <a:solidFill>
                  <a:srgbClr val="00B0F0"/>
                </a:solidFill>
              </a:rPr>
              <a:t>Agenda</a:t>
            </a:r>
            <a:endParaRPr lang="zh-CN" altLang="en-US" sz="5400" dirty="0">
              <a:solidFill>
                <a:srgbClr val="00B0F0"/>
              </a:solidFill>
            </a:endParaRPr>
          </a:p>
        </p:txBody>
      </p:sp>
      <p:cxnSp>
        <p:nvCxnSpPr>
          <p:cNvPr id="6" name="直接连接符 4"/>
          <p:cNvCxnSpPr/>
          <p:nvPr/>
        </p:nvCxnSpPr>
        <p:spPr>
          <a:xfrm>
            <a:off x="1211195" y="1811287"/>
            <a:ext cx="3772432" cy="0"/>
          </a:xfrm>
          <a:prstGeom prst="line">
            <a:avLst/>
          </a:prstGeom>
          <a:ln w="3175" cap="rnd">
            <a:solidFill>
              <a:schemeClr val="bg1">
                <a:lumMod val="75000"/>
              </a:schemeClr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直接连接符 7"/>
          <p:cNvCxnSpPr/>
          <p:nvPr/>
        </p:nvCxnSpPr>
        <p:spPr>
          <a:xfrm>
            <a:off x="4534787" y="851234"/>
            <a:ext cx="0" cy="5727700"/>
          </a:xfrm>
          <a:prstGeom prst="line">
            <a:avLst/>
          </a:prstGeom>
          <a:ln w="3175" cap="rnd">
            <a:solidFill>
              <a:schemeClr val="bg1">
                <a:lumMod val="75000"/>
              </a:schemeClr>
            </a:solidFill>
            <a:round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" name="组合 1"/>
          <p:cNvGrpSpPr/>
          <p:nvPr/>
        </p:nvGrpSpPr>
        <p:grpSpPr>
          <a:xfrm>
            <a:off x="3767869" y="3075904"/>
            <a:ext cx="6507139" cy="2759925"/>
            <a:chOff x="3767870" y="3075904"/>
            <a:chExt cx="5609815" cy="2759925"/>
          </a:xfrm>
        </p:grpSpPr>
        <p:grpSp>
          <p:nvGrpSpPr>
            <p:cNvPr id="8" name="ïṣḷïḓe"/>
            <p:cNvGrpSpPr/>
            <p:nvPr/>
          </p:nvGrpSpPr>
          <p:grpSpPr>
            <a:xfrm>
              <a:off x="3767870" y="3075904"/>
              <a:ext cx="5609815" cy="2046906"/>
              <a:chOff x="3871848" y="2245081"/>
              <a:chExt cx="4900814" cy="1788206"/>
            </a:xfrm>
          </p:grpSpPr>
          <p:grpSp>
            <p:nvGrpSpPr>
              <p:cNvPr id="9" name="i$ḻiḓê"/>
              <p:cNvGrpSpPr/>
              <p:nvPr/>
            </p:nvGrpSpPr>
            <p:grpSpPr>
              <a:xfrm>
                <a:off x="3871848" y="2245081"/>
                <a:ext cx="4900814" cy="542400"/>
                <a:chOff x="3871848" y="2711156"/>
                <a:chExt cx="4900814" cy="542400"/>
              </a:xfrm>
            </p:grpSpPr>
            <p:sp>
              <p:nvSpPr>
                <p:cNvPr id="25" name="îṡḻïḍê"/>
                <p:cNvSpPr txBox="1"/>
                <p:nvPr/>
              </p:nvSpPr>
              <p:spPr bwMode="auto">
                <a:xfrm>
                  <a:off x="3871848" y="2711156"/>
                  <a:ext cx="555754" cy="542400"/>
                </a:xfrm>
                <a:prstGeom prst="rect">
                  <a:avLst/>
                </a:prstGeom>
                <a:no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wrap="square" lIns="91440" tIns="45720" rIns="91440" bIns="45720" anchor="ctr">
                  <a:normAutofit/>
                </a:bodyPr>
                <a:lstStyle>
                  <a:defPPr>
                    <a:defRPr lang="zh-CN"/>
                  </a:defPPr>
                  <a:lvl1pPr marL="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1pPr>
                  <a:lvl2pPr marL="457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2pPr>
                  <a:lvl3pPr marL="914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3pPr>
                  <a:lvl4pPr marL="1371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4pPr>
                  <a:lvl5pPr marL="18288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5pPr>
                  <a:lvl6pPr marL="22860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6pPr>
                  <a:lvl7pPr marL="2743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7pPr>
                  <a:lvl8pPr marL="3200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8pPr>
                  <a:lvl9pPr marL="3657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</a:pPr>
                  <a:r>
                    <a:rPr lang="en-US" altLang="zh-CN" sz="2000" dirty="0">
                      <a:solidFill>
                        <a:srgbClr val="00B0F0"/>
                      </a:solidFill>
                    </a:rPr>
                    <a:t>0</a:t>
                  </a:r>
                  <a:r>
                    <a:rPr lang="en-US" altLang="zh-CN" sz="100" dirty="0">
                      <a:solidFill>
                        <a:srgbClr val="00B0F0"/>
                      </a:solidFill>
                    </a:rPr>
                    <a:t> </a:t>
                  </a:r>
                  <a:r>
                    <a:rPr lang="en-US" altLang="zh-CN" sz="2000" dirty="0">
                      <a:solidFill>
                        <a:srgbClr val="00B0F0"/>
                      </a:solidFill>
                    </a:rPr>
                    <a:t>1</a:t>
                  </a:r>
                  <a:endParaRPr lang="en-US" altLang="zh-CN" sz="2000" dirty="0">
                    <a:solidFill>
                      <a:srgbClr val="00B0F0"/>
                    </a:solidFill>
                  </a:endParaRPr>
                </a:p>
              </p:txBody>
            </p:sp>
            <p:sp>
              <p:nvSpPr>
                <p:cNvPr id="26" name="ïṡľídè"/>
                <p:cNvSpPr/>
                <p:nvPr/>
              </p:nvSpPr>
              <p:spPr bwMode="auto">
                <a:xfrm>
                  <a:off x="4656073" y="2754558"/>
                  <a:ext cx="4116589" cy="455597"/>
                </a:xfrm>
                <a:prstGeom prst="rect">
                  <a:avLst/>
                </a:prstGeom>
                <a:solidFill>
                  <a:srgbClr val="00B0F0"/>
                </a:solidFill>
                <a:ln>
                  <a:noFill/>
                </a:ln>
              </p:spPr>
              <p:txBody>
                <a:bodyPr wrap="square" lIns="91440" tIns="45720" rIns="91440" bIns="45720" anchor="ctr" anchorCtr="0">
                  <a:noAutofit/>
                </a:bodyPr>
                <a:lstStyle/>
                <a:p>
                  <a:r>
                    <a:rPr lang="en-US" altLang="zh-CN" sz="2000" dirty="0">
                      <a:solidFill>
                        <a:schemeClr val="bg1"/>
                      </a:solidFill>
                    </a:rPr>
                    <a:t>Physical specification and space requirements</a:t>
                  </a:r>
                  <a:endParaRPr lang="en-US" altLang="zh-CN" sz="2000" dirty="0">
                    <a:solidFill>
                      <a:schemeClr val="bg1"/>
                    </a:solidFill>
                  </a:endParaRPr>
                </a:p>
              </p:txBody>
            </p:sp>
          </p:grpSp>
          <p:grpSp>
            <p:nvGrpSpPr>
              <p:cNvPr id="10" name="í$ļiḍè"/>
              <p:cNvGrpSpPr/>
              <p:nvPr/>
            </p:nvGrpSpPr>
            <p:grpSpPr>
              <a:xfrm>
                <a:off x="3871848" y="2867984"/>
                <a:ext cx="4900814" cy="542400"/>
                <a:chOff x="3871848" y="2711156"/>
                <a:chExt cx="4900814" cy="542400"/>
              </a:xfrm>
            </p:grpSpPr>
            <p:sp>
              <p:nvSpPr>
                <p:cNvPr id="23" name="ïšľíḓê"/>
                <p:cNvSpPr txBox="1"/>
                <p:nvPr/>
              </p:nvSpPr>
              <p:spPr bwMode="auto">
                <a:xfrm>
                  <a:off x="3871848" y="2711156"/>
                  <a:ext cx="555754" cy="542400"/>
                </a:xfrm>
                <a:prstGeom prst="rect">
                  <a:avLst/>
                </a:prstGeom>
                <a:no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wrap="square" lIns="91440" tIns="45720" rIns="91440" bIns="45720" anchor="ctr">
                  <a:normAutofit/>
                </a:bodyPr>
                <a:lstStyle>
                  <a:defPPr>
                    <a:defRPr lang="zh-CN"/>
                  </a:defPPr>
                  <a:lvl1pPr marL="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1pPr>
                  <a:lvl2pPr marL="457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2pPr>
                  <a:lvl3pPr marL="914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3pPr>
                  <a:lvl4pPr marL="1371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4pPr>
                  <a:lvl5pPr marL="18288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5pPr>
                  <a:lvl6pPr marL="22860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6pPr>
                  <a:lvl7pPr marL="2743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7pPr>
                  <a:lvl8pPr marL="3200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8pPr>
                  <a:lvl9pPr marL="3657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</a:pPr>
                  <a:r>
                    <a:rPr lang="en-US" altLang="zh-CN" sz="2000" dirty="0">
                      <a:solidFill>
                        <a:schemeClr val="bg1">
                          <a:lumMod val="75000"/>
                        </a:schemeClr>
                      </a:solidFill>
                    </a:rPr>
                    <a:t>0</a:t>
                  </a:r>
                  <a:r>
                    <a:rPr lang="en-US" altLang="zh-CN" sz="100" dirty="0">
                      <a:solidFill>
                        <a:schemeClr val="bg1">
                          <a:lumMod val="75000"/>
                        </a:schemeClr>
                      </a:solidFill>
                    </a:rPr>
                    <a:t> </a:t>
                  </a:r>
                  <a:r>
                    <a:rPr lang="en-US" altLang="zh-CN" sz="2000" dirty="0">
                      <a:solidFill>
                        <a:schemeClr val="bg1">
                          <a:lumMod val="75000"/>
                        </a:schemeClr>
                      </a:solidFill>
                    </a:rPr>
                    <a:t>2</a:t>
                  </a:r>
                  <a:endParaRPr lang="en-US" altLang="zh-CN" sz="2000" dirty="0">
                    <a:solidFill>
                      <a:schemeClr val="bg1">
                        <a:lumMod val="75000"/>
                      </a:schemeClr>
                    </a:solidFill>
                  </a:endParaRPr>
                </a:p>
              </p:txBody>
            </p:sp>
            <p:sp>
              <p:nvSpPr>
                <p:cNvPr id="24" name="ïṧḷíḍè"/>
                <p:cNvSpPr/>
                <p:nvPr/>
              </p:nvSpPr>
              <p:spPr bwMode="auto">
                <a:xfrm>
                  <a:off x="4656073" y="2754558"/>
                  <a:ext cx="4116589" cy="455597"/>
                </a:xfrm>
                <a:prstGeom prst="rect">
                  <a:avLst/>
                </a:prstGeom>
                <a:solidFill>
                  <a:schemeClr val="bg1">
                    <a:lumMod val="75000"/>
                  </a:schemeClr>
                </a:solidFill>
                <a:ln>
                  <a:noFill/>
                </a:ln>
              </p:spPr>
              <p:txBody>
                <a:bodyPr wrap="square" lIns="91440" tIns="45720" rIns="91440" bIns="45720" anchor="ctr" anchorCtr="0">
                  <a:normAutofit/>
                </a:bodyPr>
                <a:lstStyle>
                  <a:defPPr>
                    <a:defRPr lang="zh-CN"/>
                  </a:defPPr>
                  <a:lvl1pPr marL="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1pPr>
                  <a:lvl2pPr marL="457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2pPr>
                  <a:lvl3pPr marL="914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3pPr>
                  <a:lvl4pPr marL="1371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4pPr>
                  <a:lvl5pPr marL="18288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5pPr>
                  <a:lvl6pPr marL="22860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6pPr>
                  <a:lvl7pPr marL="2743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7pPr>
                  <a:lvl8pPr marL="3200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8pPr>
                  <a:lvl9pPr marL="3657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9pPr>
                </a:lstStyle>
                <a:p>
                  <a:r>
                    <a:rPr lang="en-US" altLang="zh-CN" sz="2000" dirty="0">
                      <a:solidFill>
                        <a:schemeClr val="bg1"/>
                      </a:solidFill>
                    </a:rPr>
                    <a:t>Workstation requirements</a:t>
                  </a:r>
                  <a:endParaRPr lang="en-US" altLang="zh-CN" sz="2000" dirty="0">
                    <a:solidFill>
                      <a:schemeClr val="bg1"/>
                    </a:solidFill>
                  </a:endParaRPr>
                </a:p>
              </p:txBody>
            </p:sp>
          </p:grpSp>
          <p:grpSp>
            <p:nvGrpSpPr>
              <p:cNvPr id="11" name="îšliḋê"/>
              <p:cNvGrpSpPr/>
              <p:nvPr/>
            </p:nvGrpSpPr>
            <p:grpSpPr>
              <a:xfrm>
                <a:off x="3871848" y="3490887"/>
                <a:ext cx="4900814" cy="542400"/>
                <a:chOff x="3871848" y="2711156"/>
                <a:chExt cx="4900814" cy="542400"/>
              </a:xfrm>
            </p:grpSpPr>
            <p:sp>
              <p:nvSpPr>
                <p:cNvPr id="21" name="íŝḻîďe"/>
                <p:cNvSpPr txBox="1"/>
                <p:nvPr/>
              </p:nvSpPr>
              <p:spPr bwMode="auto">
                <a:xfrm>
                  <a:off x="3871848" y="2711156"/>
                  <a:ext cx="555754" cy="542400"/>
                </a:xfrm>
                <a:prstGeom prst="rect">
                  <a:avLst/>
                </a:prstGeom>
                <a:no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 wrap="square" lIns="91440" tIns="45720" rIns="91440" bIns="45720" anchor="ctr">
                  <a:normAutofit/>
                </a:bodyPr>
                <a:lstStyle>
                  <a:defPPr>
                    <a:defRPr lang="zh-CN"/>
                  </a:defPPr>
                  <a:lvl1pPr marL="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1pPr>
                  <a:lvl2pPr marL="457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2pPr>
                  <a:lvl3pPr marL="914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3pPr>
                  <a:lvl4pPr marL="1371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4pPr>
                  <a:lvl5pPr marL="18288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5pPr>
                  <a:lvl6pPr marL="22860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6pPr>
                  <a:lvl7pPr marL="2743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7pPr>
                  <a:lvl8pPr marL="3200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8pPr>
                  <a:lvl9pPr marL="3657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</a:pPr>
                  <a:r>
                    <a:rPr lang="en-US" altLang="zh-CN" sz="2000" dirty="0">
                      <a:solidFill>
                        <a:srgbClr val="00B0F0"/>
                      </a:solidFill>
                    </a:rPr>
                    <a:t>0</a:t>
                  </a:r>
                  <a:r>
                    <a:rPr lang="en-US" altLang="zh-CN" sz="100" dirty="0">
                      <a:solidFill>
                        <a:srgbClr val="00B0F0"/>
                      </a:solidFill>
                    </a:rPr>
                    <a:t> </a:t>
                  </a:r>
                  <a:r>
                    <a:rPr lang="en-US" altLang="zh-CN" sz="2000" dirty="0">
                      <a:solidFill>
                        <a:srgbClr val="00B0F0"/>
                      </a:solidFill>
                    </a:rPr>
                    <a:t>3</a:t>
                  </a:r>
                  <a:endParaRPr lang="en-US" altLang="zh-CN" sz="2000" dirty="0">
                    <a:solidFill>
                      <a:srgbClr val="00B0F0"/>
                    </a:solidFill>
                  </a:endParaRPr>
                </a:p>
              </p:txBody>
            </p:sp>
            <p:sp>
              <p:nvSpPr>
                <p:cNvPr id="22" name="íşlîḑé"/>
                <p:cNvSpPr/>
                <p:nvPr/>
              </p:nvSpPr>
              <p:spPr bwMode="auto">
                <a:xfrm>
                  <a:off x="4656073" y="2754558"/>
                  <a:ext cx="4116589" cy="455597"/>
                </a:xfrm>
                <a:prstGeom prst="rect">
                  <a:avLst/>
                </a:prstGeom>
                <a:solidFill>
                  <a:srgbClr val="00B0F0"/>
                </a:solidFill>
                <a:ln>
                  <a:noFill/>
                </a:ln>
              </p:spPr>
              <p:txBody>
                <a:bodyPr wrap="square" lIns="91440" tIns="45720" rIns="91440" bIns="45720" anchor="ctr" anchorCtr="0">
                  <a:normAutofit/>
                </a:bodyPr>
                <a:lstStyle>
                  <a:defPPr>
                    <a:defRPr lang="zh-CN"/>
                  </a:defPPr>
                  <a:lvl1pPr marL="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1pPr>
                  <a:lvl2pPr marL="457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2pPr>
                  <a:lvl3pPr marL="914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3pPr>
                  <a:lvl4pPr marL="1371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4pPr>
                  <a:lvl5pPr marL="18288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5pPr>
                  <a:lvl6pPr marL="22860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6pPr>
                  <a:lvl7pPr marL="27432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7pPr>
                  <a:lvl8pPr marL="32004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8pPr>
                  <a:lvl9pPr marL="3657600" algn="l" defTabSz="914400" rtl="0" eaLnBrk="1" latinLnBrk="0" hangingPunct="1">
                    <a:defRPr sz="1800" kern="1200">
                      <a:solidFill>
                        <a:schemeClr val="tx1"/>
                      </a:solidFill>
                    </a:defRPr>
                  </a:lvl9pPr>
                </a:lstStyle>
                <a:p>
                  <a:r>
                    <a:rPr lang="en-US" altLang="zh-CN" sz="2000" dirty="0">
                      <a:solidFill>
                        <a:schemeClr val="bg1"/>
                      </a:solidFill>
                    </a:rPr>
                    <a:t>Accessories</a:t>
                  </a:r>
                  <a:endParaRPr lang="en-US" altLang="zh-CN" sz="2000" dirty="0">
                    <a:solidFill>
                      <a:schemeClr val="bg1"/>
                    </a:solidFill>
                  </a:endParaRPr>
                </a:p>
              </p:txBody>
            </p:sp>
          </p:grpSp>
        </p:grpSp>
        <p:sp>
          <p:nvSpPr>
            <p:cNvPr id="16" name="ïšľíḓê"/>
            <p:cNvSpPr txBox="1"/>
            <p:nvPr/>
          </p:nvSpPr>
          <p:spPr bwMode="auto">
            <a:xfrm>
              <a:off x="3767870" y="5214960"/>
              <a:ext cx="636155" cy="620869"/>
            </a:xfrm>
            <a:prstGeom prst="rect">
              <a:avLst/>
            </a:prstGeom>
            <a:no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91440" tIns="45720" rIns="91440" bIns="45720" anchor="ctr">
              <a:normAutofit/>
            </a:bodyPr>
            <a:lstStyle>
              <a:defPPr>
                <a:defRPr lang="zh-CN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9pPr>
            </a:lstStyle>
            <a:p>
              <a:pPr algn="ctr" eaLnBrk="1" hangingPunct="1">
                <a:lnSpc>
                  <a:spcPct val="100000"/>
                </a:lnSpc>
                <a:spcBef>
                  <a:spcPct val="0"/>
                </a:spcBef>
              </a:pPr>
              <a:r>
                <a:rPr lang="en-US" altLang="zh-CN" sz="2000" dirty="0">
                  <a:solidFill>
                    <a:schemeClr val="bg1">
                      <a:lumMod val="75000"/>
                    </a:schemeClr>
                  </a:solidFill>
                </a:rPr>
                <a:t>0</a:t>
              </a:r>
              <a:r>
                <a:rPr lang="en-US" altLang="zh-CN" sz="100" dirty="0">
                  <a:solidFill>
                    <a:schemeClr val="bg1">
                      <a:lumMod val="75000"/>
                    </a:schemeClr>
                  </a:solidFill>
                </a:rPr>
                <a:t> </a:t>
              </a:r>
              <a:r>
                <a:rPr lang="en-US" altLang="zh-CN" sz="2000" dirty="0">
                  <a:solidFill>
                    <a:schemeClr val="bg1">
                      <a:lumMod val="75000"/>
                    </a:schemeClr>
                  </a:solidFill>
                </a:rPr>
                <a:t>4</a:t>
              </a:r>
              <a:endParaRPr lang="en-US" altLang="zh-CN" sz="2000" dirty="0">
                <a:solidFill>
                  <a:schemeClr val="bg1">
                    <a:lumMod val="75000"/>
                  </a:schemeClr>
                </a:solidFill>
              </a:endParaRPr>
            </a:p>
          </p:txBody>
        </p:sp>
        <p:sp>
          <p:nvSpPr>
            <p:cNvPr id="17" name="ïṧḷíḍè"/>
            <p:cNvSpPr/>
            <p:nvPr/>
          </p:nvSpPr>
          <p:spPr bwMode="auto">
            <a:xfrm>
              <a:off x="4665549" y="5264641"/>
              <a:ext cx="4712136" cy="521508"/>
            </a:xfrm>
            <a:prstGeom prst="rect">
              <a:avLst/>
            </a:prstGeom>
            <a:solidFill>
              <a:schemeClr val="bg1">
                <a:lumMod val="75000"/>
              </a:schemeClr>
            </a:solidFill>
            <a:ln>
              <a:noFill/>
            </a:ln>
          </p:spPr>
          <p:txBody>
            <a:bodyPr wrap="square" lIns="91440" tIns="45720" rIns="91440" bIns="45720" anchor="ctr" anchorCtr="0">
              <a:normAutofit/>
            </a:bodyPr>
            <a:lstStyle>
              <a:defPPr>
                <a:defRPr lang="zh-CN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</a:defRPr>
              </a:lvl9pPr>
            </a:lstStyle>
            <a:p>
              <a:r>
                <a:rPr lang="en-US" altLang="zh-CN" sz="2000" dirty="0">
                  <a:solidFill>
                    <a:schemeClr val="bg1"/>
                  </a:solidFill>
                </a:rPr>
                <a:t>Consumables and Maintenance Parts</a:t>
              </a:r>
              <a:endParaRPr lang="en-US" altLang="zh-CN" sz="2000" dirty="0">
                <a:solidFill>
                  <a:schemeClr val="bg1"/>
                </a:solidFill>
              </a:endParaRPr>
            </a:p>
          </p:txBody>
        </p:sp>
      </p:grpSp>
    </p:spTree>
    <p:custDataLst>
      <p:tags r:id="rId1"/>
    </p:custData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zh-CN" sz="2000" dirty="0"/>
              <a:t>Physical specification and space requirements</a:t>
            </a:r>
            <a:endParaRPr lang="en-US" sz="2000" dirty="0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>
                <a:solidFill>
                  <a:schemeClr val="tx1"/>
                </a:solidFill>
              </a:rPr>
              <a:t>www.intamsys.com</a:t>
            </a:r>
            <a:endParaRPr lang="en-US" dirty="0">
              <a:solidFill>
                <a:schemeClr val="tx1"/>
              </a:solidFill>
            </a:endParaRPr>
          </a:p>
        </p:txBody>
      </p:sp>
      <p:graphicFrame>
        <p:nvGraphicFramePr>
          <p:cNvPr id="54" name="表格 120"/>
          <p:cNvGraphicFramePr>
            <a:graphicFrameLocks noGrp="1"/>
          </p:cNvGraphicFramePr>
          <p:nvPr/>
        </p:nvGraphicFramePr>
        <p:xfrm>
          <a:off x="857505" y="1564347"/>
          <a:ext cx="5705697" cy="119888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1325425"/>
                <a:gridCol w="2766646"/>
                <a:gridCol w="1613626"/>
              </a:tblGrid>
              <a:tr h="370840">
                <a:tc>
                  <a:txBody>
                    <a:bodyPr/>
                    <a:lstStyle/>
                    <a:p>
                      <a:endParaRPr lang="zh-CN" altLang="en-US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dirty="0">
                          <a:solidFill>
                            <a:schemeClr val="tx1"/>
                          </a:solidFill>
                        </a:rPr>
                        <a:t>Size</a:t>
                      </a:r>
                      <a:endParaRPr lang="zh-CN" altLang="en-US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dirty="0">
                          <a:solidFill>
                            <a:schemeClr val="tx1"/>
                          </a:solidFill>
                        </a:rPr>
                        <a:t>Weight</a:t>
                      </a:r>
                      <a:endParaRPr lang="zh-CN" altLang="en-US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b="1" dirty="0">
                          <a:solidFill>
                            <a:schemeClr val="tx1"/>
                          </a:solidFill>
                        </a:rPr>
                        <a:t>Printer</a:t>
                      </a:r>
                      <a:endParaRPr lang="zh-CN" altLang="en-US" b="1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altLang="zh-CN" sz="1200" kern="1200" dirty="0">
                          <a:solidFill>
                            <a:schemeClr val="tx1"/>
                          </a:solidFill>
                        </a:rPr>
                        <a:t>1710*1440*2080 mm</a:t>
                      </a:r>
                      <a:endParaRPr lang="en-US" altLang="zh-CN" sz="1200" kern="1200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US" altLang="zh-CN" sz="1200" kern="1200" dirty="0">
                          <a:solidFill>
                            <a:schemeClr val="tx1"/>
                          </a:solidFill>
                        </a:rPr>
                        <a:t>(With Light tower 1710*1440*2350mm)</a:t>
                      </a:r>
                      <a:endParaRPr lang="zh-CN" altLang="en-US" sz="1200" kern="1200" dirty="0">
                        <a:solidFill>
                          <a:schemeClr val="tx1"/>
                        </a:solidFill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altLang="zh-CN" sz="1200" kern="1200" dirty="0">
                          <a:solidFill>
                            <a:schemeClr val="tx1"/>
                          </a:solidFill>
                        </a:rPr>
                        <a:t>1450Kg</a:t>
                      </a:r>
                      <a:endParaRPr lang="zh-CN" altLang="en-US" sz="1200" kern="1200" dirty="0">
                        <a:solidFill>
                          <a:schemeClr val="tx1"/>
                        </a:solidFill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b="1" dirty="0">
                          <a:solidFill>
                            <a:schemeClr val="tx1"/>
                          </a:solidFill>
                        </a:rPr>
                        <a:t>With Box</a:t>
                      </a:r>
                      <a:endParaRPr lang="zh-CN" altLang="en-US" b="1" dirty="0">
                        <a:solidFill>
                          <a:schemeClr val="tx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en-US" altLang="zh-CN" sz="1200" kern="1200" dirty="0">
                          <a:solidFill>
                            <a:schemeClr val="tx1"/>
                          </a:solidFill>
                        </a:rPr>
                        <a:t>1850*1450*2150 mm</a:t>
                      </a:r>
                      <a:endParaRPr lang="en-US" altLang="zh-CN" sz="1200" kern="1200" dirty="0">
                        <a:solidFill>
                          <a:schemeClr val="tx1"/>
                        </a:solidFill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200" kern="1200" dirty="0">
                          <a:solidFill>
                            <a:schemeClr val="tx1"/>
                          </a:solidFill>
                        </a:rPr>
                        <a:t>1830Kg</a:t>
                      </a:r>
                      <a:endParaRPr lang="zh-CN" altLang="en-US" sz="1200" kern="1200" dirty="0">
                        <a:solidFill>
                          <a:schemeClr val="tx1"/>
                        </a:solidFill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graphicFrame>
        <p:nvGraphicFramePr>
          <p:cNvPr id="55" name="表格 123"/>
          <p:cNvGraphicFramePr>
            <a:graphicFrameLocks noGrp="1"/>
          </p:cNvGraphicFramePr>
          <p:nvPr/>
        </p:nvGraphicFramePr>
        <p:xfrm>
          <a:off x="857505" y="2944352"/>
          <a:ext cx="5698554" cy="2595880"/>
        </p:xfrm>
        <a:graphic>
          <a:graphicData uri="http://schemas.openxmlformats.org/drawingml/2006/table">
            <a:tbl>
              <a:tblPr firstRow="1" bandRow="1">
                <a:tableStyleId>{3B4B98B0-60AC-42C2-AFA5-B58CD77FA1E5}</a:tableStyleId>
              </a:tblPr>
              <a:tblGrid>
                <a:gridCol w="2849277"/>
                <a:gridCol w="2849277"/>
              </a:tblGrid>
              <a:tr h="370840">
                <a:tc gridSpan="2">
                  <a:txBody>
                    <a:bodyPr/>
                    <a:lstStyle/>
                    <a:p>
                      <a:r>
                        <a:rPr lang="en-US" altLang="zh-CN" dirty="0">
                          <a:solidFill>
                            <a:schemeClr val="tx1"/>
                          </a:solidFill>
                          <a:latin typeface="+mj-lt"/>
                        </a:rPr>
                        <a:t>Environmental Requirements</a:t>
                      </a:r>
                      <a:endParaRPr lang="zh-CN" altLang="en-US" dirty="0">
                        <a:solidFill>
                          <a:schemeClr val="tx1"/>
                        </a:solidFill>
                        <a:latin typeface="+mj-lt"/>
                      </a:endParaRPr>
                    </a:p>
                  </a:txBody>
                  <a:tcPr/>
                </a:tc>
                <a:tc hMerge="1"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Operating Temperature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15~30°C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 Light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Operating Humidity</a:t>
                      </a:r>
                      <a:endParaRPr lang="en-US" sz="1100" b="0" i="0" u="none" strike="noStrike">
                        <a:solidFill>
                          <a:schemeClr val="tx1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altLang="zh-CN" sz="110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30%~70%</a:t>
                      </a:r>
                      <a:endParaRPr lang="en-US" altLang="zh-CN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 Light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Storage Temperature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-10°C~50°C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 Light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Input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3P5W 380V  30A/phase, 50~60Hz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等线" panose="02010600030101010101" pitchFamily="2" charset="-122"/>
                        </a:rPr>
                        <a:t>Air </a:t>
                      </a:r>
                      <a:r>
                        <a:rPr lang="en-US" altLang="zh-CN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等线" panose="02010600030101010101" pitchFamily="2" charset="-122"/>
                        </a:rPr>
                        <a:t>S</a:t>
                      </a:r>
                      <a:r>
                        <a:rPr lang="en-US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等线" panose="02010600030101010101" pitchFamily="2" charset="-122"/>
                        </a:rPr>
                        <a:t>upply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zh-CN" altLang="en-US" sz="11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等线" panose="02010600030101010101" pitchFamily="2" charset="-122"/>
                          <a:cs typeface="+mn-cs"/>
                        </a:rPr>
                        <a:t>≥</a:t>
                      </a:r>
                      <a:r>
                        <a:rPr lang="en-US" sz="11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等线" panose="02010600030101010101" pitchFamily="2" charset="-122"/>
                          <a:cs typeface="+mn-cs"/>
                        </a:rPr>
                        <a:t>0</a:t>
                      </a:r>
                      <a:r>
                        <a:rPr lang="en-US" altLang="zh-CN" sz="1100" b="0" i="0" u="none" strike="noStrike" kern="120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等线" panose="02010600030101010101" pitchFamily="2" charset="-122"/>
                          <a:cs typeface="+mn-cs"/>
                        </a:rPr>
                        <a:t>.7Mpa</a:t>
                      </a:r>
                      <a:r>
                        <a:rPr lang="en-US" altLang="zh-CN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等线" panose="02010600030101010101" pitchFamily="2" charset="-122"/>
                        </a:rPr>
                        <a:t>, </a:t>
                      </a:r>
                      <a:r>
                        <a:rPr lang="de-DE" altLang="zh-CN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等线" panose="02010600030101010101" pitchFamily="2" charset="-122"/>
                        </a:rPr>
                        <a:t>Ø</a:t>
                      </a:r>
                      <a:r>
                        <a:rPr lang="en-US" altLang="zh-CN" sz="1100" b="0" i="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  <a:ea typeface="等线" panose="02010600030101010101" pitchFamily="2" charset="-122"/>
                        </a:rPr>
                        <a:t>10 Quick connector</a:t>
                      </a:r>
                      <a:endParaRPr lang="en-US" altLang="zh-CN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  <a:p>
                      <a:pPr algn="l" fontAlgn="ctr"/>
                      <a:r>
                        <a:rPr lang="en-US" altLang="zh-CN" sz="1100" b="0" i="0" u="none" strike="noStrike" dirty="0">
                          <a:solidFill>
                            <a:srgbClr val="FF0000"/>
                          </a:solidFill>
                          <a:effectLst/>
                          <a:latin typeface="+mj-lt"/>
                          <a:ea typeface="等线" panose="02010600030101010101" pitchFamily="2" charset="-122"/>
                        </a:rPr>
                        <a:t>Dry and clean air</a:t>
                      </a:r>
                      <a:endParaRPr lang="en-US" sz="1100" b="0" i="0" u="none" strike="noStrike" dirty="0">
                        <a:solidFill>
                          <a:srgbClr val="FF0000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</a:tr>
              <a:tr h="370840"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Max. Power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100" u="none" strike="noStrike" dirty="0">
                          <a:solidFill>
                            <a:schemeClr val="tx1"/>
                          </a:solidFill>
                          <a:effectLst/>
                          <a:latin typeface="+mj-lt"/>
                        </a:rPr>
                        <a:t>15kW</a:t>
                      </a:r>
                      <a:endParaRPr lang="en-US" sz="1100" b="0" i="0" u="none" strike="noStrike" dirty="0">
                        <a:solidFill>
                          <a:schemeClr val="tx1"/>
                        </a:solidFill>
                        <a:effectLst/>
                        <a:latin typeface="+mj-lt"/>
                        <a:ea typeface="等线" panose="02010600030101010101" pitchFamily="2" charset="-122"/>
                      </a:endParaRPr>
                    </a:p>
                  </a:txBody>
                  <a:tcPr marL="114300" marR="9525" marT="9525" marB="0" anchor="ctr"/>
                </a:tc>
              </a:tr>
            </a:tbl>
          </a:graphicData>
        </a:graphic>
      </p:graphicFrame>
      <p:pic>
        <p:nvPicPr>
          <p:cNvPr id="59" name="图片 58"/>
          <p:cNvPicPr>
            <a:picLocks noChangeAspect="1"/>
          </p:cNvPicPr>
          <p:nvPr/>
        </p:nvPicPr>
        <p:blipFill rotWithShape="1">
          <a:blip r:embed="rId1"/>
          <a:srcRect l="5319" r="17098" b="7556"/>
          <a:stretch>
            <a:fillRect/>
          </a:stretch>
        </p:blipFill>
        <p:spPr>
          <a:xfrm>
            <a:off x="7440265" y="1333011"/>
            <a:ext cx="3459943" cy="4320000"/>
          </a:xfrm>
          <a:prstGeom prst="rect">
            <a:avLst/>
          </a:prstGeom>
        </p:spPr>
      </p:pic>
      <p:sp>
        <p:nvSpPr>
          <p:cNvPr id="7" name="TextBox 7"/>
          <p:cNvSpPr txBox="1">
            <a:spLocks noChangeArrowheads="1"/>
          </p:cNvSpPr>
          <p:nvPr/>
        </p:nvSpPr>
        <p:spPr bwMode="auto">
          <a:xfrm>
            <a:off x="759436" y="5459211"/>
            <a:ext cx="5750804" cy="8161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121917" tIns="60958" rIns="121917" bIns="60958">
            <a:spAutoFit/>
          </a:bodyPr>
          <a:lstStyle>
            <a:lvl1pPr>
              <a:defRPr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</a:defRPr>
            </a:lvl1pPr>
            <a:lvl2pPr marL="742950" indent="-285750">
              <a:defRPr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</a:defRPr>
            </a:lvl2pPr>
            <a:lvl3pPr marL="11430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</a:defRPr>
            </a:lvl3pPr>
            <a:lvl4pPr marL="16002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</a:defRPr>
            </a:lvl4pPr>
            <a:lvl5pPr marL="2057400" indent="-228600">
              <a:defRPr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  <a:ea typeface="微软雅黑" panose="020B0503020204020204" pitchFamily="34" charset="-122"/>
              </a:defRPr>
            </a:lvl9pPr>
          </a:lstStyle>
          <a:p>
            <a:pPr eaLnBrk="1" hangingPunct="1">
              <a:lnSpc>
                <a:spcPct val="150000"/>
              </a:lnSpc>
              <a:defRPr/>
            </a:pPr>
            <a:r>
              <a:rPr lang="en-US" altLang="zh-CN" sz="1600" dirty="0">
                <a:latin typeface="+mj-lt"/>
                <a:ea typeface="+mj-ea"/>
                <a:sym typeface="+mn-ea"/>
              </a:rPr>
              <a:t>Note: For indoor use only.</a:t>
            </a:r>
            <a:endParaRPr lang="en-US" altLang="zh-CN" sz="1600" dirty="0">
              <a:latin typeface="+mj-lt"/>
              <a:ea typeface="+mj-ea"/>
              <a:sym typeface="+mn-ea"/>
            </a:endParaRPr>
          </a:p>
          <a:p>
            <a:pPr eaLnBrk="1" hangingPunct="1">
              <a:lnSpc>
                <a:spcPct val="150000"/>
              </a:lnSpc>
              <a:defRPr/>
            </a:pPr>
            <a:r>
              <a:rPr lang="en-US" altLang="zh-CN" sz="1600" dirty="0">
                <a:latin typeface="+mj-lt"/>
                <a:ea typeface="+mj-ea"/>
                <a:sym typeface="+mn-ea"/>
              </a:rPr>
              <a:t>The Casters should be only used for short-distance transport</a:t>
            </a:r>
            <a:endParaRPr lang="en-IN" altLang="zh-CN" sz="1600" dirty="0">
              <a:latin typeface="+mj-lt"/>
              <a:ea typeface="+mj-ea"/>
              <a:sym typeface="+mn-ea"/>
            </a:endParaRPr>
          </a:p>
        </p:txBody>
      </p:sp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zh-CN" sz="2000" dirty="0"/>
              <a:t>Physical specification and space requirements</a:t>
            </a:r>
            <a:endParaRPr lang="en-US" sz="2000" dirty="0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www.intamsys.com</a:t>
            </a:r>
            <a:endParaRPr lang="en-US" dirty="0"/>
          </a:p>
        </p:txBody>
      </p:sp>
      <p:grpSp>
        <p:nvGrpSpPr>
          <p:cNvPr id="76" name="组合 75"/>
          <p:cNvGrpSpPr/>
          <p:nvPr/>
        </p:nvGrpSpPr>
        <p:grpSpPr>
          <a:xfrm>
            <a:off x="4906187" y="2757956"/>
            <a:ext cx="6299200" cy="3274501"/>
            <a:chOff x="4698111" y="2458054"/>
            <a:chExt cx="6299200" cy="3274501"/>
          </a:xfrm>
        </p:grpSpPr>
        <p:grpSp>
          <p:nvGrpSpPr>
            <p:cNvPr id="77" name="组合 76"/>
            <p:cNvGrpSpPr/>
            <p:nvPr/>
          </p:nvGrpSpPr>
          <p:grpSpPr>
            <a:xfrm>
              <a:off x="4698111" y="2458054"/>
              <a:ext cx="6299200" cy="3274501"/>
              <a:chOff x="4867563" y="2467656"/>
              <a:chExt cx="6299200" cy="3274501"/>
            </a:xfrm>
          </p:grpSpPr>
          <p:grpSp>
            <p:nvGrpSpPr>
              <p:cNvPr id="79" name="组合 78"/>
              <p:cNvGrpSpPr/>
              <p:nvPr/>
            </p:nvGrpSpPr>
            <p:grpSpPr>
              <a:xfrm>
                <a:off x="4867563" y="2604655"/>
                <a:ext cx="6299200" cy="3137502"/>
                <a:chOff x="4839855" y="2700925"/>
                <a:chExt cx="6299200" cy="3137502"/>
              </a:xfrm>
            </p:grpSpPr>
            <p:grpSp>
              <p:nvGrpSpPr>
                <p:cNvPr id="82" name="组合 81"/>
                <p:cNvGrpSpPr/>
                <p:nvPr/>
              </p:nvGrpSpPr>
              <p:grpSpPr>
                <a:xfrm>
                  <a:off x="4839855" y="3477492"/>
                  <a:ext cx="4487195" cy="2360935"/>
                  <a:chOff x="4608946" y="4050146"/>
                  <a:chExt cx="4487195" cy="2360935"/>
                </a:xfrm>
              </p:grpSpPr>
              <p:sp>
                <p:nvSpPr>
                  <p:cNvPr id="93" name="矩形 92"/>
                  <p:cNvSpPr/>
                  <p:nvPr/>
                </p:nvSpPr>
                <p:spPr>
                  <a:xfrm>
                    <a:off x="4608946" y="4050146"/>
                    <a:ext cx="2438400" cy="2360935"/>
                  </a:xfrm>
                  <a:prstGeom prst="rect">
                    <a:avLst/>
                  </a:prstGeom>
                  <a:solidFill>
                    <a:schemeClr val="accent2">
                      <a:lumMod val="40000"/>
                      <a:lumOff val="60000"/>
                    </a:schemeClr>
                  </a:solidFill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zh-CN" altLang="en-US"/>
                  </a:p>
                </p:txBody>
              </p:sp>
              <p:sp>
                <p:nvSpPr>
                  <p:cNvPr id="94" name="矩形 93"/>
                  <p:cNvSpPr/>
                  <p:nvPr/>
                </p:nvSpPr>
                <p:spPr>
                  <a:xfrm>
                    <a:off x="4830618" y="4207164"/>
                    <a:ext cx="2022764" cy="2063915"/>
                  </a:xfrm>
                  <a:prstGeom prst="rect">
                    <a:avLst/>
                  </a:prstGeom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r>
                      <a:rPr lang="en-US" altLang="zh-CN" dirty="0"/>
                      <a:t>Printer with Crate</a:t>
                    </a:r>
                    <a:endParaRPr lang="zh-CN" altLang="en-US" dirty="0"/>
                  </a:p>
                </p:txBody>
              </p:sp>
              <p:sp>
                <p:nvSpPr>
                  <p:cNvPr id="95" name="矩形 94"/>
                  <p:cNvSpPr/>
                  <p:nvPr/>
                </p:nvSpPr>
                <p:spPr>
                  <a:xfrm>
                    <a:off x="7073377" y="4216401"/>
                    <a:ext cx="2022764" cy="2054678"/>
                  </a:xfrm>
                  <a:prstGeom prst="rect">
                    <a:avLst/>
                  </a:prstGeom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r>
                      <a:rPr lang="en-US" altLang="zh-CN" dirty="0"/>
                      <a:t>Printer</a:t>
                    </a:r>
                    <a:endParaRPr lang="zh-CN" altLang="en-US" dirty="0"/>
                  </a:p>
                </p:txBody>
              </p:sp>
            </p:grpSp>
            <p:cxnSp>
              <p:nvCxnSpPr>
                <p:cNvPr id="83" name="直接连接符 82"/>
                <p:cNvCxnSpPr/>
                <p:nvPr/>
              </p:nvCxnSpPr>
              <p:spPr>
                <a:xfrm flipV="1">
                  <a:off x="4839855" y="2802525"/>
                  <a:ext cx="0" cy="674969"/>
                </a:xfrm>
                <a:prstGeom prst="line">
                  <a:avLst/>
                </a:prstGeom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4" name="直接连接符 83"/>
                <p:cNvCxnSpPr/>
                <p:nvPr/>
              </p:nvCxnSpPr>
              <p:spPr>
                <a:xfrm flipV="1">
                  <a:off x="7278255" y="3023321"/>
                  <a:ext cx="0" cy="454171"/>
                </a:xfrm>
                <a:prstGeom prst="line">
                  <a:avLst/>
                </a:prstGeom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5" name="直接连接符 84"/>
                <p:cNvCxnSpPr/>
                <p:nvPr/>
              </p:nvCxnSpPr>
              <p:spPr>
                <a:xfrm flipV="1">
                  <a:off x="9335363" y="3013290"/>
                  <a:ext cx="0" cy="657373"/>
                </a:xfrm>
                <a:prstGeom prst="line">
                  <a:avLst/>
                </a:prstGeom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6" name="直接连接符 85"/>
                <p:cNvCxnSpPr/>
                <p:nvPr/>
              </p:nvCxnSpPr>
              <p:spPr>
                <a:xfrm flipV="1">
                  <a:off x="11139055" y="2700925"/>
                  <a:ext cx="0" cy="992832"/>
                </a:xfrm>
                <a:prstGeom prst="line">
                  <a:avLst/>
                </a:prstGeom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7" name="直接箭头连接符 86"/>
                <p:cNvCxnSpPr/>
                <p:nvPr/>
              </p:nvCxnSpPr>
              <p:spPr>
                <a:xfrm>
                  <a:off x="4839855" y="3250406"/>
                  <a:ext cx="2438400" cy="0"/>
                </a:xfrm>
                <a:prstGeom prst="straightConnector1">
                  <a:avLst/>
                </a:prstGeom>
                <a:ln>
                  <a:headEnd type="triangle"/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8" name="直接箭头连接符 87"/>
                <p:cNvCxnSpPr/>
                <p:nvPr/>
              </p:nvCxnSpPr>
              <p:spPr>
                <a:xfrm flipV="1">
                  <a:off x="7278078" y="3242590"/>
                  <a:ext cx="2071370" cy="7620"/>
                </a:xfrm>
                <a:prstGeom prst="straightConnector1">
                  <a:avLst/>
                </a:prstGeom>
                <a:ln>
                  <a:headEnd type="triangle"/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89" name="直接箭头连接符 88"/>
                <p:cNvCxnSpPr/>
                <p:nvPr/>
              </p:nvCxnSpPr>
              <p:spPr>
                <a:xfrm flipV="1">
                  <a:off x="9349448" y="3250210"/>
                  <a:ext cx="1789430" cy="635"/>
                </a:xfrm>
                <a:prstGeom prst="straightConnector1">
                  <a:avLst/>
                </a:prstGeom>
                <a:ln>
                  <a:headEnd type="triangle"/>
                  <a:tailEnd type="triangle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  <p:sp>
              <p:nvSpPr>
                <p:cNvPr id="90" name="文本框 89"/>
                <p:cNvSpPr txBox="1"/>
                <p:nvPr/>
              </p:nvSpPr>
              <p:spPr>
                <a:xfrm>
                  <a:off x="5599251" y="2926722"/>
                  <a:ext cx="1059906" cy="369332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r>
                    <a:rPr lang="en-US" altLang="zh-CN" dirty="0"/>
                    <a:t>1450mm</a:t>
                  </a:r>
                  <a:endParaRPr lang="zh-CN" altLang="en-US" dirty="0"/>
                </a:p>
              </p:txBody>
            </p:sp>
            <p:sp>
              <p:nvSpPr>
                <p:cNvPr id="91" name="文本框 90"/>
                <p:cNvSpPr txBox="1"/>
                <p:nvPr/>
              </p:nvSpPr>
              <p:spPr>
                <a:xfrm>
                  <a:off x="7728234" y="2924083"/>
                  <a:ext cx="1059906" cy="369332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r>
                    <a:rPr lang="en-US" altLang="zh-CN" dirty="0"/>
                    <a:t>1450mm</a:t>
                  </a:r>
                  <a:endParaRPr lang="zh-CN" altLang="en-US" dirty="0"/>
                </a:p>
              </p:txBody>
            </p:sp>
            <p:sp>
              <p:nvSpPr>
                <p:cNvPr id="92" name="文本框 91"/>
                <p:cNvSpPr txBox="1"/>
                <p:nvPr/>
              </p:nvSpPr>
              <p:spPr>
                <a:xfrm>
                  <a:off x="9648097" y="2924083"/>
                  <a:ext cx="1071880" cy="368300"/>
                </a:xfrm>
                <a:prstGeom prst="rect">
                  <a:avLst/>
                </a:prstGeom>
                <a:noFill/>
              </p:spPr>
              <p:txBody>
                <a:bodyPr wrap="none" rtlCol="0">
                  <a:spAutoFit/>
                </a:bodyPr>
                <a:lstStyle/>
                <a:p>
                  <a:r>
                    <a:rPr lang="en-US" altLang="zh-CN" dirty="0"/>
                    <a:t>1550mm</a:t>
                  </a:r>
                  <a:endParaRPr lang="zh-CN" altLang="en-US" dirty="0"/>
                </a:p>
              </p:txBody>
            </p:sp>
          </p:grpSp>
          <p:cxnSp>
            <p:nvCxnSpPr>
              <p:cNvPr id="80" name="直接箭头连接符 79"/>
              <p:cNvCxnSpPr/>
              <p:nvPr/>
            </p:nvCxnSpPr>
            <p:spPr>
              <a:xfrm>
                <a:off x="4867563" y="2804010"/>
                <a:ext cx="6299200" cy="0"/>
              </a:xfrm>
              <a:prstGeom prst="straightConnector1">
                <a:avLst/>
              </a:prstGeom>
              <a:ln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1" name="文本框 80"/>
              <p:cNvSpPr txBox="1"/>
              <p:nvPr/>
            </p:nvSpPr>
            <p:spPr>
              <a:xfrm>
                <a:off x="7340307" y="2467656"/>
                <a:ext cx="1071880" cy="368300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altLang="zh-CN" dirty="0"/>
                  <a:t>4450mm</a:t>
                </a:r>
                <a:endParaRPr lang="zh-CN" altLang="en-US" dirty="0"/>
              </a:p>
            </p:txBody>
          </p:sp>
        </p:grpSp>
        <p:sp>
          <p:nvSpPr>
            <p:cNvPr id="78" name="矩形 77"/>
            <p:cNvSpPr/>
            <p:nvPr/>
          </p:nvSpPr>
          <p:spPr>
            <a:xfrm>
              <a:off x="9218205" y="4010467"/>
              <a:ext cx="1779106" cy="1041148"/>
            </a:xfrm>
            <a:prstGeom prst="rect">
              <a:avLst/>
            </a:prstGeom>
            <a:solidFill>
              <a:schemeClr val="accent3">
                <a:lumMod val="75000"/>
              </a:schemeClr>
            </a:solidFill>
          </p:spPr>
          <p:style>
            <a:lnRef idx="2">
              <a:schemeClr val="accent2">
                <a:shade val="50000"/>
              </a:schemeClr>
            </a:lnRef>
            <a:fillRef idx="1">
              <a:schemeClr val="accent2"/>
            </a:fillRef>
            <a:effectRef idx="0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altLang="zh-CN" dirty="0"/>
                <a:t>Forklift truck</a:t>
              </a:r>
              <a:endParaRPr lang="zh-CN" altLang="en-US" dirty="0"/>
            </a:p>
          </p:txBody>
        </p:sp>
      </p:grpSp>
      <p:sp>
        <p:nvSpPr>
          <p:cNvPr id="97" name="Content Placeholder 2"/>
          <p:cNvSpPr>
            <a:spLocks noGrp="1"/>
          </p:cNvSpPr>
          <p:nvPr>
            <p:ph idx="1"/>
          </p:nvPr>
        </p:nvSpPr>
        <p:spPr>
          <a:xfrm>
            <a:off x="4735283" y="1355455"/>
            <a:ext cx="6135075" cy="1625723"/>
          </a:xfrm>
        </p:spPr>
        <p:txBody>
          <a:bodyPr>
            <a:normAutofit/>
          </a:bodyPr>
          <a:lstStyle/>
          <a:p>
            <a:pPr marL="9525" indent="0">
              <a:buNone/>
            </a:pPr>
            <a:r>
              <a:rPr lang="en-US" altLang="zh-CN" dirty="0"/>
              <a:t>Unloading space requirements </a:t>
            </a:r>
            <a:endParaRPr lang="en-US" altLang="zh-CN" dirty="0"/>
          </a:p>
          <a:p>
            <a:r>
              <a:rPr lang="en-US" altLang="zh-CN" sz="1600" dirty="0"/>
              <a:t>Should be a level surface</a:t>
            </a:r>
            <a:endParaRPr lang="en-US" altLang="zh-CN" sz="1600" dirty="0"/>
          </a:p>
          <a:p>
            <a:r>
              <a:rPr lang="en-US" altLang="zh-CN" sz="1600" dirty="0"/>
              <a:t>Enough space for the forklift to remove the printer from the delivery truck</a:t>
            </a:r>
            <a:endParaRPr lang="en-US" altLang="zh-CN" sz="1600" dirty="0"/>
          </a:p>
          <a:p>
            <a:r>
              <a:rPr lang="en-US" altLang="zh-CN" sz="1600" dirty="0"/>
              <a:t>Enough space required for unpacking the printer</a:t>
            </a:r>
            <a:endParaRPr lang="zh-CN" altLang="en-US" sz="1600" dirty="0"/>
          </a:p>
        </p:txBody>
      </p:sp>
      <p:sp>
        <p:nvSpPr>
          <p:cNvPr id="98" name="Content Placeholder 2"/>
          <p:cNvSpPr txBox="1"/>
          <p:nvPr/>
        </p:nvSpPr>
        <p:spPr>
          <a:xfrm>
            <a:off x="1150738" y="1359444"/>
            <a:ext cx="3009069" cy="1734865"/>
          </a:xfrm>
          <a:prstGeom prst="rect">
            <a:avLst/>
          </a:prstGeom>
        </p:spPr>
        <p:txBody>
          <a:bodyPr/>
          <a:lstStyle>
            <a:lvl1pPr marL="175895" indent="-166370" algn="l" defTabSz="913765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1pPr>
            <a:lvl2pPr marL="544195" indent="-179070" algn="l" defTabSz="913765" rtl="0" eaLnBrk="1" latinLnBrk="0" hangingPunct="1">
              <a:spcBef>
                <a:spcPct val="20000"/>
              </a:spcBef>
              <a:buClr>
                <a:schemeClr val="accent1"/>
              </a:buClr>
              <a:buFont typeface="Lucida Grande"/>
              <a:buChar char="-"/>
              <a:defRPr sz="16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2pPr>
            <a:lvl3pPr marL="888365" indent="-172720" algn="l" defTabSz="892810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3pPr>
            <a:lvl4pPr marL="1256665" indent="-175895" algn="l" defTabSz="913765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–"/>
              <a:defRPr sz="12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4pPr>
            <a:lvl5pPr marL="2056130" indent="-228600" algn="l" defTabSz="913765" rtl="0" eaLnBrk="1" latinLnBrk="0" hangingPunct="1">
              <a:spcBef>
                <a:spcPct val="20000"/>
              </a:spcBef>
              <a:buClr>
                <a:schemeClr val="accent3"/>
              </a:buClr>
              <a:buFont typeface="Arial" panose="020B0604020202020204" pitchFamily="34" charset="0"/>
              <a:buChar char="»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2695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69895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6460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3025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9525" indent="0">
              <a:buNone/>
            </a:pPr>
            <a:r>
              <a:rPr lang="en-US" altLang="zh-CN" dirty="0"/>
              <a:t>Recommended Tools:</a:t>
            </a:r>
            <a:endParaRPr lang="en-US" altLang="zh-CN" dirty="0"/>
          </a:p>
          <a:p>
            <a:r>
              <a:rPr lang="en-US" altLang="zh-CN" sz="1600" dirty="0"/>
              <a:t>Forklift truck </a:t>
            </a:r>
            <a:r>
              <a:rPr lang="zh-CN" altLang="en-US" sz="1600" dirty="0"/>
              <a:t>（</a:t>
            </a:r>
            <a:r>
              <a:rPr lang="en-US" altLang="zh-CN" sz="1600" dirty="0"/>
              <a:t>3ton</a:t>
            </a:r>
            <a:r>
              <a:rPr lang="zh-CN" altLang="en-US" sz="1600" dirty="0"/>
              <a:t>）</a:t>
            </a:r>
            <a:endParaRPr lang="en-US" altLang="zh-CN" sz="1600" dirty="0"/>
          </a:p>
          <a:p>
            <a:r>
              <a:rPr lang="en-US" altLang="zh-CN" sz="1600" dirty="0"/>
              <a:t>Electric drill</a:t>
            </a:r>
            <a:endParaRPr lang="en-US" altLang="zh-CN" sz="1600" dirty="0"/>
          </a:p>
          <a:p>
            <a:r>
              <a:rPr lang="en-US" altLang="zh-CN" sz="1600" dirty="0"/>
              <a:t>8mm socket with adapter</a:t>
            </a:r>
            <a:endParaRPr lang="en-US" altLang="zh-CN" sz="1600" dirty="0"/>
          </a:p>
          <a:p>
            <a:r>
              <a:rPr lang="en-US" altLang="zh-CN" sz="1600" dirty="0">
                <a:solidFill>
                  <a:schemeClr val="tx1"/>
                </a:solidFill>
              </a:rPr>
              <a:t>Knife</a:t>
            </a:r>
            <a:endParaRPr lang="en-US" altLang="zh-CN" sz="1600" dirty="0">
              <a:solidFill>
                <a:schemeClr val="tx1"/>
              </a:solidFill>
            </a:endParaRPr>
          </a:p>
          <a:p>
            <a:r>
              <a:rPr lang="en-US" altLang="zh-CN" sz="1600" dirty="0">
                <a:solidFill>
                  <a:schemeClr val="tx1"/>
                </a:solidFill>
              </a:rPr>
              <a:t>Ladder </a:t>
            </a:r>
            <a:endParaRPr lang="en-US" altLang="zh-CN" sz="1600" dirty="0">
              <a:solidFill>
                <a:schemeClr val="tx1"/>
              </a:solidFill>
            </a:endParaRPr>
          </a:p>
          <a:p>
            <a:endParaRPr lang="en-US" altLang="zh-CN" sz="1600" dirty="0">
              <a:solidFill>
                <a:schemeClr val="tx1"/>
              </a:solidFill>
            </a:endParaRPr>
          </a:p>
        </p:txBody>
      </p:sp>
      <p:pic>
        <p:nvPicPr>
          <p:cNvPr id="99" name="图片 98"/>
          <p:cNvPicPr>
            <a:picLocks noChangeAspect="1"/>
          </p:cNvPicPr>
          <p:nvPr/>
        </p:nvPicPr>
        <p:blipFill>
          <a:blip r:embed="rId1"/>
          <a:stretch>
            <a:fillRect/>
          </a:stretch>
        </p:blipFill>
        <p:spPr>
          <a:xfrm>
            <a:off x="1269945" y="5089853"/>
            <a:ext cx="889743" cy="817406"/>
          </a:xfrm>
          <a:prstGeom prst="rect">
            <a:avLst/>
          </a:prstGeom>
        </p:spPr>
      </p:pic>
      <p:pic>
        <p:nvPicPr>
          <p:cNvPr id="101" name="图片 100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85664" y="3217351"/>
            <a:ext cx="1961775" cy="1303345"/>
          </a:xfrm>
          <a:prstGeom prst="rect">
            <a:avLst/>
          </a:prstGeom>
        </p:spPr>
      </p:pic>
      <p:pic>
        <p:nvPicPr>
          <p:cNvPr id="1026" name="Picture 2" descr="Quellbild anzeigen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6318" y="4830943"/>
            <a:ext cx="1217602" cy="12176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图片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 rot="16200000">
            <a:off x="3267938" y="5143213"/>
            <a:ext cx="1303346" cy="416608"/>
          </a:xfrm>
          <a:prstGeom prst="rect">
            <a:avLst/>
          </a:prstGeom>
        </p:spPr>
      </p:pic>
      <p:pic>
        <p:nvPicPr>
          <p:cNvPr id="7" name="图片 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42317" y="3037011"/>
            <a:ext cx="1158480" cy="1703455"/>
          </a:xfrm>
          <a:prstGeom prst="rect">
            <a:avLst/>
          </a:prstGeom>
        </p:spPr>
      </p:pic>
    </p:spTree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zh-CN" sz="2000" dirty="0"/>
              <a:t>Physical specification and space requirements</a:t>
            </a:r>
            <a:endParaRPr lang="en-US" sz="2000" dirty="0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www.intamsys.com</a:t>
            </a:r>
            <a:endParaRPr lang="en-US" dirty="0"/>
          </a:p>
        </p:txBody>
      </p:sp>
      <p:grpSp>
        <p:nvGrpSpPr>
          <p:cNvPr id="57" name="组合 56"/>
          <p:cNvGrpSpPr>
            <a:grpSpLocks noChangeAspect="1"/>
          </p:cNvGrpSpPr>
          <p:nvPr/>
        </p:nvGrpSpPr>
        <p:grpSpPr>
          <a:xfrm>
            <a:off x="1357778" y="1124744"/>
            <a:ext cx="4320000" cy="3591771"/>
            <a:chOff x="1664134" y="338683"/>
            <a:chExt cx="3591278" cy="2985891"/>
          </a:xfrm>
        </p:grpSpPr>
        <p:grpSp>
          <p:nvGrpSpPr>
            <p:cNvPr id="58" name="组合 57"/>
            <p:cNvGrpSpPr/>
            <p:nvPr/>
          </p:nvGrpSpPr>
          <p:grpSpPr>
            <a:xfrm>
              <a:off x="1717705" y="747758"/>
              <a:ext cx="3307222" cy="2333472"/>
              <a:chOff x="1717705" y="965994"/>
              <a:chExt cx="3307222" cy="2333472"/>
            </a:xfrm>
          </p:grpSpPr>
          <p:sp>
            <p:nvSpPr>
              <p:cNvPr id="70" name="矩形 69"/>
              <p:cNvSpPr/>
              <p:nvPr/>
            </p:nvSpPr>
            <p:spPr>
              <a:xfrm>
                <a:off x="1717705" y="965994"/>
                <a:ext cx="3307222" cy="2333472"/>
              </a:xfrm>
              <a:prstGeom prst="rect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zh-CN" altLang="en-US" dirty="0"/>
              </a:p>
            </p:txBody>
          </p:sp>
          <p:pic>
            <p:nvPicPr>
              <p:cNvPr id="71" name="图片 70"/>
              <p:cNvPicPr>
                <a:picLocks noChangeAspect="1"/>
              </p:cNvPicPr>
              <p:nvPr/>
            </p:nvPicPr>
            <p:blipFill>
              <a:blip r:embed="rId1"/>
              <a:stretch>
                <a:fillRect/>
              </a:stretch>
            </p:blipFill>
            <p:spPr>
              <a:xfrm>
                <a:off x="2143539" y="965994"/>
                <a:ext cx="2160000" cy="2333472"/>
              </a:xfrm>
              <a:prstGeom prst="rect">
                <a:avLst/>
              </a:prstGeom>
            </p:spPr>
          </p:pic>
          <p:sp>
            <p:nvSpPr>
              <p:cNvPr id="72" name="矩形 71"/>
              <p:cNvSpPr/>
              <p:nvPr/>
            </p:nvSpPr>
            <p:spPr>
              <a:xfrm>
                <a:off x="1717705" y="965994"/>
                <a:ext cx="2828658" cy="2333472"/>
              </a:xfrm>
              <a:prstGeom prst="rect">
                <a:avLst/>
              </a:prstGeom>
              <a:noFill/>
              <a:ln>
                <a:solidFill>
                  <a:srgbClr val="FF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zh-CN" altLang="en-US" dirty="0"/>
              </a:p>
            </p:txBody>
          </p:sp>
        </p:grpSp>
        <p:sp>
          <p:nvSpPr>
            <p:cNvPr id="59" name="文本框 58"/>
            <p:cNvSpPr txBox="1"/>
            <p:nvPr/>
          </p:nvSpPr>
          <p:spPr>
            <a:xfrm>
              <a:off x="1664134" y="2650341"/>
              <a:ext cx="1222258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200" dirty="0">
                  <a:solidFill>
                    <a:srgbClr val="00A0E9"/>
                  </a:solidFill>
                </a:rPr>
                <a:t>Working Space</a:t>
              </a:r>
              <a:endParaRPr lang="zh-CN" altLang="en-US" sz="1200" dirty="0">
                <a:solidFill>
                  <a:srgbClr val="00A0E9"/>
                </a:solidFill>
              </a:endParaRPr>
            </a:p>
          </p:txBody>
        </p:sp>
        <p:cxnSp>
          <p:nvCxnSpPr>
            <p:cNvPr id="60" name="直接箭头连接符 59"/>
            <p:cNvCxnSpPr/>
            <p:nvPr/>
          </p:nvCxnSpPr>
          <p:spPr>
            <a:xfrm>
              <a:off x="1717704" y="3306888"/>
              <a:ext cx="3307223" cy="0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1" name="直接箭头连接符 60"/>
            <p:cNvCxnSpPr/>
            <p:nvPr/>
          </p:nvCxnSpPr>
          <p:spPr>
            <a:xfrm>
              <a:off x="5189774" y="747758"/>
              <a:ext cx="0" cy="2333472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直接箭头连接符 61"/>
            <p:cNvCxnSpPr/>
            <p:nvPr/>
          </p:nvCxnSpPr>
          <p:spPr>
            <a:xfrm>
              <a:off x="4491109" y="1193768"/>
              <a:ext cx="0" cy="1887462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直接连接符 62"/>
            <p:cNvCxnSpPr/>
            <p:nvPr/>
          </p:nvCxnSpPr>
          <p:spPr>
            <a:xfrm>
              <a:off x="4303539" y="1193768"/>
              <a:ext cx="242824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4" name="文本框 63"/>
            <p:cNvSpPr txBox="1"/>
            <p:nvPr/>
          </p:nvSpPr>
          <p:spPr>
            <a:xfrm rot="16200000">
              <a:off x="4198234" y="1930200"/>
              <a:ext cx="46679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2080</a:t>
              </a:r>
              <a:endParaRPr lang="zh-CN" altLang="en-US" sz="1000" dirty="0"/>
            </a:p>
          </p:txBody>
        </p:sp>
        <p:sp>
          <p:nvSpPr>
            <p:cNvPr id="65" name="文本框 64"/>
            <p:cNvSpPr txBox="1"/>
            <p:nvPr/>
          </p:nvSpPr>
          <p:spPr>
            <a:xfrm rot="16200000">
              <a:off x="4898905" y="1931831"/>
              <a:ext cx="46679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2600</a:t>
              </a:r>
              <a:endParaRPr lang="zh-CN" altLang="en-US" sz="1000" dirty="0"/>
            </a:p>
          </p:txBody>
        </p:sp>
        <p:sp>
          <p:nvSpPr>
            <p:cNvPr id="66" name="文本框 65"/>
            <p:cNvSpPr txBox="1"/>
            <p:nvPr/>
          </p:nvSpPr>
          <p:spPr>
            <a:xfrm>
              <a:off x="3182619" y="3119887"/>
              <a:ext cx="377392" cy="20468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3500</a:t>
              </a:r>
              <a:endParaRPr lang="zh-CN" altLang="en-US" sz="1000" dirty="0"/>
            </a:p>
          </p:txBody>
        </p:sp>
        <p:sp>
          <p:nvSpPr>
            <p:cNvPr id="67" name="文本框 66"/>
            <p:cNvSpPr txBox="1"/>
            <p:nvPr/>
          </p:nvSpPr>
          <p:spPr>
            <a:xfrm rot="16200000">
              <a:off x="4059144" y="1869853"/>
              <a:ext cx="1444626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200" dirty="0"/>
                <a:t>Maintaining Space</a:t>
              </a:r>
              <a:endParaRPr lang="zh-CN" altLang="en-US" sz="1200" dirty="0"/>
            </a:p>
          </p:txBody>
        </p:sp>
        <p:cxnSp>
          <p:nvCxnSpPr>
            <p:cNvPr id="68" name="直接箭头连接符 67"/>
            <p:cNvCxnSpPr/>
            <p:nvPr/>
          </p:nvCxnSpPr>
          <p:spPr>
            <a:xfrm>
              <a:off x="1717704" y="526139"/>
              <a:ext cx="2850978" cy="4954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9" name="文本框 68"/>
            <p:cNvSpPr txBox="1"/>
            <p:nvPr/>
          </p:nvSpPr>
          <p:spPr>
            <a:xfrm>
              <a:off x="3034315" y="338683"/>
              <a:ext cx="46679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3000</a:t>
              </a:r>
              <a:endParaRPr lang="zh-CN" altLang="en-US" sz="1000" dirty="0"/>
            </a:p>
          </p:txBody>
        </p:sp>
      </p:grpSp>
      <p:grpSp>
        <p:nvGrpSpPr>
          <p:cNvPr id="73" name="组合 72"/>
          <p:cNvGrpSpPr>
            <a:grpSpLocks noChangeAspect="1"/>
          </p:cNvGrpSpPr>
          <p:nvPr/>
        </p:nvGrpSpPr>
        <p:grpSpPr>
          <a:xfrm>
            <a:off x="6284236" y="1121569"/>
            <a:ext cx="4244656" cy="3647078"/>
            <a:chOff x="1694794" y="3335423"/>
            <a:chExt cx="3516656" cy="3021569"/>
          </a:xfrm>
        </p:grpSpPr>
        <p:grpSp>
          <p:nvGrpSpPr>
            <p:cNvPr id="74" name="组合 73"/>
            <p:cNvGrpSpPr/>
            <p:nvPr/>
          </p:nvGrpSpPr>
          <p:grpSpPr>
            <a:xfrm>
              <a:off x="1717705" y="3531765"/>
              <a:ext cx="3307222" cy="2578477"/>
              <a:chOff x="1717705" y="3531765"/>
              <a:chExt cx="3307222" cy="2578477"/>
            </a:xfrm>
          </p:grpSpPr>
          <p:sp>
            <p:nvSpPr>
              <p:cNvPr id="104" name="矩形 103"/>
              <p:cNvSpPr/>
              <p:nvPr/>
            </p:nvSpPr>
            <p:spPr>
              <a:xfrm>
                <a:off x="1717705" y="3531765"/>
                <a:ext cx="3307222" cy="2578476"/>
              </a:xfrm>
              <a:prstGeom prst="rect">
                <a:avLst/>
              </a:prstGeom>
              <a:noFill/>
              <a:ln>
                <a:solidFill>
                  <a:schemeClr val="tx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zh-CN" altLang="en-US" dirty="0"/>
              </a:p>
            </p:txBody>
          </p:sp>
          <p:pic>
            <p:nvPicPr>
              <p:cNvPr id="105" name="图片 104"/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 rot="5400000">
                <a:off x="2224638" y="3813105"/>
                <a:ext cx="1997802" cy="2160000"/>
              </a:xfrm>
              <a:prstGeom prst="rect">
                <a:avLst/>
              </a:prstGeom>
              <a:ln>
                <a:noFill/>
              </a:ln>
            </p:spPr>
          </p:pic>
          <p:sp>
            <p:nvSpPr>
              <p:cNvPr id="106" name="矩形 105"/>
              <p:cNvSpPr/>
              <p:nvPr/>
            </p:nvSpPr>
            <p:spPr>
              <a:xfrm>
                <a:off x="1717705" y="3741490"/>
                <a:ext cx="2828658" cy="2368752"/>
              </a:xfrm>
              <a:prstGeom prst="rect">
                <a:avLst/>
              </a:prstGeom>
              <a:noFill/>
              <a:ln>
                <a:solidFill>
                  <a:srgbClr val="FF0000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zh-CN" altLang="en-US" dirty="0"/>
              </a:p>
            </p:txBody>
          </p:sp>
          <p:sp>
            <p:nvSpPr>
              <p:cNvPr id="107" name="文本框 106"/>
              <p:cNvSpPr txBox="1"/>
              <p:nvPr/>
            </p:nvSpPr>
            <p:spPr>
              <a:xfrm>
                <a:off x="1717705" y="5615007"/>
                <a:ext cx="1222258" cy="276999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altLang="zh-CN" sz="1200" dirty="0">
                    <a:solidFill>
                      <a:srgbClr val="35BDDE"/>
                    </a:solidFill>
                  </a:rPr>
                  <a:t>Working Space</a:t>
                </a:r>
                <a:endParaRPr lang="zh-CN" altLang="en-US" sz="1200" dirty="0">
                  <a:solidFill>
                    <a:srgbClr val="35BDDE"/>
                  </a:solidFill>
                </a:endParaRPr>
              </a:p>
            </p:txBody>
          </p:sp>
        </p:grpSp>
        <p:cxnSp>
          <p:nvCxnSpPr>
            <p:cNvPr id="75" name="直接连接符 74"/>
            <p:cNvCxnSpPr/>
            <p:nvPr/>
          </p:nvCxnSpPr>
          <p:spPr>
            <a:xfrm>
              <a:off x="4228051" y="3531765"/>
              <a:ext cx="0" cy="282082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6" name="直接连接符 75"/>
            <p:cNvCxnSpPr/>
            <p:nvPr/>
          </p:nvCxnSpPr>
          <p:spPr>
            <a:xfrm>
              <a:off x="3115256" y="3531765"/>
              <a:ext cx="0" cy="282082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7" name="直接连接符 76"/>
            <p:cNvCxnSpPr/>
            <p:nvPr/>
          </p:nvCxnSpPr>
          <p:spPr>
            <a:xfrm flipH="1">
              <a:off x="4420489" y="3952347"/>
              <a:ext cx="604438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8" name="直接箭头连接符 77"/>
            <p:cNvCxnSpPr/>
            <p:nvPr/>
          </p:nvCxnSpPr>
          <p:spPr>
            <a:xfrm>
              <a:off x="2190855" y="3735292"/>
              <a:ext cx="924401" cy="0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9" name="直接箭头连接符 78"/>
            <p:cNvCxnSpPr/>
            <p:nvPr/>
          </p:nvCxnSpPr>
          <p:spPr>
            <a:xfrm>
              <a:off x="4696586" y="5395817"/>
              <a:ext cx="0" cy="403537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直接连接符 79"/>
            <p:cNvCxnSpPr/>
            <p:nvPr/>
          </p:nvCxnSpPr>
          <p:spPr>
            <a:xfrm flipH="1">
              <a:off x="4420489" y="5395818"/>
              <a:ext cx="604438" cy="0"/>
            </a:xfrm>
            <a:prstGeom prst="line">
              <a:avLst/>
            </a:prstGeom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1" name="直接箭头连接符 80"/>
            <p:cNvCxnSpPr/>
            <p:nvPr/>
          </p:nvCxnSpPr>
          <p:spPr>
            <a:xfrm>
              <a:off x="3115256" y="3741490"/>
              <a:ext cx="1112795" cy="0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2" name="直接箭头连接符 81"/>
            <p:cNvCxnSpPr/>
            <p:nvPr/>
          </p:nvCxnSpPr>
          <p:spPr>
            <a:xfrm>
              <a:off x="1700927" y="6318250"/>
              <a:ext cx="3324000" cy="0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3" name="直接箭头连接符 82"/>
            <p:cNvCxnSpPr/>
            <p:nvPr/>
          </p:nvCxnSpPr>
          <p:spPr>
            <a:xfrm>
              <a:off x="4228051" y="3741490"/>
              <a:ext cx="318312" cy="0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4" name="直接箭头连接符 83"/>
            <p:cNvCxnSpPr/>
            <p:nvPr/>
          </p:nvCxnSpPr>
          <p:spPr>
            <a:xfrm flipH="1">
              <a:off x="5209381" y="3742486"/>
              <a:ext cx="1578" cy="2367411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5" name="直接箭头连接符 84"/>
            <p:cNvCxnSpPr/>
            <p:nvPr/>
          </p:nvCxnSpPr>
          <p:spPr>
            <a:xfrm>
              <a:off x="4696586" y="3952346"/>
              <a:ext cx="0" cy="1443471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6" name="直接箭头连接符 85"/>
            <p:cNvCxnSpPr/>
            <p:nvPr/>
          </p:nvCxnSpPr>
          <p:spPr>
            <a:xfrm>
              <a:off x="4682904" y="3735292"/>
              <a:ext cx="2381" cy="217055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7" name="文本框 86"/>
            <p:cNvSpPr txBox="1"/>
            <p:nvPr/>
          </p:nvSpPr>
          <p:spPr>
            <a:xfrm>
              <a:off x="2433590" y="3551886"/>
              <a:ext cx="46679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1050</a:t>
              </a:r>
              <a:endParaRPr lang="zh-CN" altLang="en-US" sz="1000" dirty="0"/>
            </a:p>
          </p:txBody>
        </p:sp>
        <p:sp>
          <p:nvSpPr>
            <p:cNvPr id="88" name="文本框 87"/>
            <p:cNvSpPr txBox="1"/>
            <p:nvPr/>
          </p:nvSpPr>
          <p:spPr>
            <a:xfrm>
              <a:off x="3442946" y="3551886"/>
              <a:ext cx="385099" cy="20307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1450</a:t>
              </a:r>
              <a:endParaRPr lang="zh-CN" altLang="en-US" sz="1000" dirty="0"/>
            </a:p>
          </p:txBody>
        </p:sp>
        <p:sp>
          <p:nvSpPr>
            <p:cNvPr id="89" name="文本框 88"/>
            <p:cNvSpPr txBox="1"/>
            <p:nvPr/>
          </p:nvSpPr>
          <p:spPr>
            <a:xfrm>
              <a:off x="4189076" y="3533029"/>
              <a:ext cx="396262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300</a:t>
              </a:r>
              <a:endParaRPr lang="zh-CN" altLang="en-US" sz="1000" dirty="0"/>
            </a:p>
          </p:txBody>
        </p:sp>
        <p:cxnSp>
          <p:nvCxnSpPr>
            <p:cNvPr id="90" name="直接箭头连接符 89"/>
            <p:cNvCxnSpPr/>
            <p:nvPr/>
          </p:nvCxnSpPr>
          <p:spPr>
            <a:xfrm flipV="1">
              <a:off x="4228051" y="3525491"/>
              <a:ext cx="796876" cy="2411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1" name="文本框 90"/>
            <p:cNvSpPr txBox="1"/>
            <p:nvPr/>
          </p:nvSpPr>
          <p:spPr>
            <a:xfrm>
              <a:off x="4459666" y="3344171"/>
              <a:ext cx="396262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800</a:t>
              </a:r>
              <a:endParaRPr lang="zh-CN" altLang="en-US" sz="1000" dirty="0"/>
            </a:p>
          </p:txBody>
        </p:sp>
        <p:cxnSp>
          <p:nvCxnSpPr>
            <p:cNvPr id="92" name="直接箭头连接符 91"/>
            <p:cNvCxnSpPr/>
            <p:nvPr/>
          </p:nvCxnSpPr>
          <p:spPr>
            <a:xfrm>
              <a:off x="5017043" y="3529695"/>
              <a:ext cx="2381" cy="422652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3" name="文本框 92"/>
            <p:cNvSpPr txBox="1"/>
            <p:nvPr/>
          </p:nvSpPr>
          <p:spPr>
            <a:xfrm rot="16200000">
              <a:off x="4755100" y="3613618"/>
              <a:ext cx="396262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800</a:t>
              </a:r>
              <a:endParaRPr lang="zh-CN" altLang="en-US" sz="1000" dirty="0"/>
            </a:p>
          </p:txBody>
        </p:sp>
        <p:sp>
          <p:nvSpPr>
            <p:cNvPr id="94" name="文本框 93"/>
            <p:cNvSpPr txBox="1"/>
            <p:nvPr/>
          </p:nvSpPr>
          <p:spPr>
            <a:xfrm rot="16200000">
              <a:off x="4456216" y="3720708"/>
              <a:ext cx="396262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300</a:t>
              </a:r>
              <a:endParaRPr lang="zh-CN" altLang="en-US" sz="1000" dirty="0"/>
            </a:p>
          </p:txBody>
        </p:sp>
        <p:sp>
          <p:nvSpPr>
            <p:cNvPr id="95" name="文本框 94"/>
            <p:cNvSpPr txBox="1"/>
            <p:nvPr/>
          </p:nvSpPr>
          <p:spPr>
            <a:xfrm rot="16200000">
              <a:off x="4440494" y="4572489"/>
              <a:ext cx="385099" cy="20307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1710</a:t>
              </a:r>
              <a:endParaRPr lang="zh-CN" altLang="en-US" sz="1000" dirty="0"/>
            </a:p>
          </p:txBody>
        </p:sp>
        <p:sp>
          <p:nvSpPr>
            <p:cNvPr id="96" name="文本框 95"/>
            <p:cNvSpPr txBox="1"/>
            <p:nvPr/>
          </p:nvSpPr>
          <p:spPr>
            <a:xfrm rot="16200000">
              <a:off x="4447684" y="5479405"/>
              <a:ext cx="413401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altLang="zh-CN" sz="1000" dirty="0"/>
                <a:t>500</a:t>
              </a:r>
              <a:endParaRPr lang="zh-CN" altLang="en-US" sz="1000" dirty="0"/>
            </a:p>
          </p:txBody>
        </p:sp>
        <p:sp>
          <p:nvSpPr>
            <p:cNvPr id="97" name="文本框 96"/>
            <p:cNvSpPr txBox="1"/>
            <p:nvPr/>
          </p:nvSpPr>
          <p:spPr>
            <a:xfrm rot="16200000">
              <a:off x="4917365" y="4565401"/>
              <a:ext cx="385099" cy="20307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3310</a:t>
              </a:r>
              <a:endParaRPr lang="zh-CN" altLang="en-US" sz="1000" dirty="0"/>
            </a:p>
          </p:txBody>
        </p:sp>
        <p:sp>
          <p:nvSpPr>
            <p:cNvPr id="98" name="文本框 97"/>
            <p:cNvSpPr txBox="1"/>
            <p:nvPr/>
          </p:nvSpPr>
          <p:spPr>
            <a:xfrm>
              <a:off x="4461209" y="3345306"/>
              <a:ext cx="396262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800</a:t>
              </a:r>
              <a:endParaRPr lang="zh-CN" altLang="en-US" sz="1000" dirty="0"/>
            </a:p>
          </p:txBody>
        </p:sp>
        <p:cxnSp>
          <p:nvCxnSpPr>
            <p:cNvPr id="99" name="直接箭头连接符 98"/>
            <p:cNvCxnSpPr/>
            <p:nvPr/>
          </p:nvCxnSpPr>
          <p:spPr>
            <a:xfrm flipV="1">
              <a:off x="1694794" y="3528406"/>
              <a:ext cx="1420462" cy="6716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0" name="文本框 99"/>
            <p:cNvSpPr txBox="1"/>
            <p:nvPr/>
          </p:nvSpPr>
          <p:spPr>
            <a:xfrm>
              <a:off x="2214204" y="3335423"/>
              <a:ext cx="46679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1350</a:t>
              </a:r>
              <a:endParaRPr lang="zh-CN" altLang="en-US" sz="1000" dirty="0"/>
            </a:p>
          </p:txBody>
        </p:sp>
        <p:sp>
          <p:nvSpPr>
            <p:cNvPr id="101" name="文本框 100"/>
            <p:cNvSpPr txBox="1"/>
            <p:nvPr/>
          </p:nvSpPr>
          <p:spPr>
            <a:xfrm rot="16200000">
              <a:off x="4751308" y="5557209"/>
              <a:ext cx="396262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800</a:t>
              </a:r>
              <a:endParaRPr lang="zh-CN" altLang="en-US" sz="1000" dirty="0"/>
            </a:p>
          </p:txBody>
        </p:sp>
        <p:cxnSp>
          <p:nvCxnSpPr>
            <p:cNvPr id="102" name="直接箭头连接符 101"/>
            <p:cNvCxnSpPr/>
            <p:nvPr/>
          </p:nvCxnSpPr>
          <p:spPr>
            <a:xfrm>
              <a:off x="5024927" y="5392637"/>
              <a:ext cx="0" cy="721737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3" name="文本框 102"/>
            <p:cNvSpPr txBox="1"/>
            <p:nvPr/>
          </p:nvSpPr>
          <p:spPr>
            <a:xfrm>
              <a:off x="3008862" y="6110771"/>
              <a:ext cx="466794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000" dirty="0"/>
                <a:t>3500</a:t>
              </a:r>
              <a:endParaRPr lang="zh-CN" altLang="en-US" sz="1000" dirty="0"/>
            </a:p>
          </p:txBody>
        </p:sp>
      </p:grpSp>
      <p:sp>
        <p:nvSpPr>
          <p:cNvPr id="108" name="文本框 107"/>
          <p:cNvSpPr txBox="1"/>
          <p:nvPr/>
        </p:nvSpPr>
        <p:spPr>
          <a:xfrm>
            <a:off x="3048000" y="5205405"/>
            <a:ext cx="6096000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altLang="zh-CN" sz="1600" dirty="0"/>
              <a:t>Note: All dimensions in mm</a:t>
            </a:r>
            <a:endParaRPr lang="zh-CN" altLang="en-US" sz="1600" dirty="0"/>
          </a:p>
        </p:txBody>
      </p: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4" name="图片 133"/>
          <p:cNvPicPr>
            <a:picLocks noChangeAspect="1"/>
          </p:cNvPicPr>
          <p:nvPr/>
        </p:nvPicPr>
        <p:blipFill>
          <a:blip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80203" y="3975231"/>
            <a:ext cx="1903730" cy="941070"/>
          </a:xfrm>
          <a:prstGeom prst="rect">
            <a:avLst/>
          </a:prstGeom>
        </p:spPr>
      </p:pic>
      <p:pic>
        <p:nvPicPr>
          <p:cNvPr id="125" name="图片 12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962447" y="1398735"/>
            <a:ext cx="2399012" cy="2880000"/>
          </a:xfrm>
          <a:prstGeom prst="rect">
            <a:avLst/>
          </a:prstGeom>
        </p:spPr>
      </p:pic>
      <p:pic>
        <p:nvPicPr>
          <p:cNvPr id="126" name="图片 12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75804" y="1736578"/>
            <a:ext cx="2552285" cy="2880000"/>
          </a:xfrm>
          <a:prstGeom prst="rect">
            <a:avLst/>
          </a:prstGeom>
        </p:spPr>
      </p:pic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zh-CN" sz="2000" dirty="0"/>
              <a:t>Physical specification and space requirements</a:t>
            </a:r>
            <a:endParaRPr lang="en-US" sz="2000" dirty="0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www.intamsys.com</a:t>
            </a:r>
            <a:endParaRPr lang="en-US" dirty="0"/>
          </a:p>
        </p:txBody>
      </p:sp>
      <p:cxnSp>
        <p:nvCxnSpPr>
          <p:cNvPr id="116" name="直接箭头连接符 115"/>
          <p:cNvCxnSpPr>
            <a:stCxn id="117" idx="6"/>
            <a:endCxn id="110" idx="2"/>
          </p:cNvCxnSpPr>
          <p:nvPr/>
        </p:nvCxnSpPr>
        <p:spPr>
          <a:xfrm flipV="1">
            <a:off x="2626313" y="3207709"/>
            <a:ext cx="952137" cy="502652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117" name="椭圆 116"/>
          <p:cNvSpPr/>
          <p:nvPr/>
        </p:nvSpPr>
        <p:spPr>
          <a:xfrm>
            <a:off x="2446559" y="3498262"/>
            <a:ext cx="179754" cy="424198"/>
          </a:xfrm>
          <a:prstGeom prst="ellipse">
            <a:avLst/>
          </a:prstGeom>
          <a:noFill/>
          <a:ln w="31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CN" altLang="en-US"/>
          </a:p>
        </p:txBody>
      </p:sp>
      <p:grpSp>
        <p:nvGrpSpPr>
          <p:cNvPr id="18" name="组合 17"/>
          <p:cNvGrpSpPr/>
          <p:nvPr/>
        </p:nvGrpSpPr>
        <p:grpSpPr>
          <a:xfrm>
            <a:off x="3578449" y="2127709"/>
            <a:ext cx="3035615" cy="2160000"/>
            <a:chOff x="4077862" y="1269001"/>
            <a:chExt cx="3035615" cy="2160000"/>
          </a:xfrm>
        </p:grpSpPr>
        <p:pic>
          <p:nvPicPr>
            <p:cNvPr id="110" name="图片 109"/>
            <p:cNvPicPr>
              <a:picLocks noChangeAspect="1"/>
            </p:cNvPicPr>
            <p:nvPr/>
          </p:nvPicPr>
          <p:blipFill rotWithShape="1">
            <a:blip r:embed="rId4"/>
            <a:srcRect t="24057" b="14288"/>
            <a:stretch>
              <a:fillRect/>
            </a:stretch>
          </p:blipFill>
          <p:spPr>
            <a:xfrm rot="5400000">
              <a:off x="3497266" y="1849597"/>
              <a:ext cx="2160000" cy="998807"/>
            </a:xfrm>
            <a:prstGeom prst="rect">
              <a:avLst/>
            </a:prstGeom>
          </p:spPr>
        </p:pic>
        <p:grpSp>
          <p:nvGrpSpPr>
            <p:cNvPr id="111" name="组合 110"/>
            <p:cNvGrpSpPr/>
            <p:nvPr/>
          </p:nvGrpSpPr>
          <p:grpSpPr>
            <a:xfrm>
              <a:off x="5242210" y="1550606"/>
              <a:ext cx="282072" cy="1660604"/>
              <a:chOff x="7877580" y="3726778"/>
              <a:chExt cx="376096" cy="2214138"/>
            </a:xfrm>
          </p:grpSpPr>
          <p:pic>
            <p:nvPicPr>
              <p:cNvPr id="112" name="图片 111"/>
              <p:cNvPicPr>
                <a:picLocks noChangeAspect="1"/>
              </p:cNvPicPr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7877581" y="3726778"/>
                <a:ext cx="361969" cy="361969"/>
              </a:xfrm>
              <a:prstGeom prst="rect">
                <a:avLst/>
              </a:prstGeom>
            </p:spPr>
          </p:pic>
          <p:pic>
            <p:nvPicPr>
              <p:cNvPr id="113" name="图片 112"/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 rot="16200000">
                <a:off x="7888532" y="5575772"/>
                <a:ext cx="361969" cy="368319"/>
              </a:xfrm>
              <a:prstGeom prst="rect">
                <a:avLst/>
              </a:prstGeom>
            </p:spPr>
          </p:pic>
          <p:pic>
            <p:nvPicPr>
              <p:cNvPr id="114" name="图片 113"/>
              <p:cNvPicPr>
                <a:picLocks noChangeAspect="1"/>
              </p:cNvPicPr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7877581" y="4352635"/>
                <a:ext cx="368319" cy="336567"/>
              </a:xfrm>
              <a:prstGeom prst="rect">
                <a:avLst/>
              </a:prstGeom>
            </p:spPr>
          </p:pic>
          <p:pic>
            <p:nvPicPr>
              <p:cNvPr id="115" name="图片 114"/>
              <p:cNvPicPr>
                <a:picLocks noChangeAspect="1"/>
              </p:cNvPicPr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7877580" y="4953090"/>
                <a:ext cx="361969" cy="361969"/>
              </a:xfrm>
              <a:prstGeom prst="rect">
                <a:avLst/>
              </a:prstGeom>
            </p:spPr>
          </p:pic>
        </p:grpSp>
        <p:sp>
          <p:nvSpPr>
            <p:cNvPr id="118" name="文本框 117"/>
            <p:cNvSpPr txBox="1"/>
            <p:nvPr/>
          </p:nvSpPr>
          <p:spPr>
            <a:xfrm>
              <a:off x="5527787" y="1574320"/>
              <a:ext cx="1585690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200" dirty="0"/>
                <a:t>USB Flash Disk Port</a:t>
              </a:r>
              <a:endParaRPr lang="zh-CN" altLang="en-US" sz="1200" dirty="0"/>
            </a:p>
          </p:txBody>
        </p:sp>
        <p:sp>
          <p:nvSpPr>
            <p:cNvPr id="119" name="文本框 118"/>
            <p:cNvSpPr txBox="1"/>
            <p:nvPr/>
          </p:nvSpPr>
          <p:spPr>
            <a:xfrm>
              <a:off x="5527787" y="1980027"/>
              <a:ext cx="1388522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200" dirty="0"/>
                <a:t>USB</a:t>
              </a:r>
              <a:r>
                <a:rPr lang="zh-CN" altLang="en-US" sz="1200" dirty="0"/>
                <a:t> </a:t>
              </a:r>
              <a:r>
                <a:rPr lang="en-US" altLang="zh-CN" sz="1200" dirty="0"/>
                <a:t>Printing Port</a:t>
              </a:r>
              <a:endParaRPr lang="zh-CN" altLang="en-US" sz="1200" dirty="0"/>
            </a:p>
          </p:txBody>
        </p:sp>
        <p:sp>
          <p:nvSpPr>
            <p:cNvPr id="120" name="文本框 119"/>
            <p:cNvSpPr txBox="1"/>
            <p:nvPr/>
          </p:nvSpPr>
          <p:spPr>
            <a:xfrm>
              <a:off x="5513687" y="2470340"/>
              <a:ext cx="1380506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200" dirty="0"/>
                <a:t>FW Upgrade Port</a:t>
              </a:r>
              <a:endParaRPr lang="zh-CN" altLang="en-US" sz="1200" dirty="0"/>
            </a:p>
          </p:txBody>
        </p:sp>
        <p:sp>
          <p:nvSpPr>
            <p:cNvPr id="121" name="文本框 120"/>
            <p:cNvSpPr txBox="1"/>
            <p:nvPr/>
          </p:nvSpPr>
          <p:spPr>
            <a:xfrm>
              <a:off x="5513688" y="2940501"/>
              <a:ext cx="109036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altLang="zh-CN" sz="1200" dirty="0"/>
                <a:t>Ethernet Port</a:t>
              </a:r>
              <a:endParaRPr lang="zh-CN" altLang="en-US" sz="1200" dirty="0"/>
            </a:p>
          </p:txBody>
        </p:sp>
      </p:grpSp>
      <p:pic>
        <p:nvPicPr>
          <p:cNvPr id="127" name="图片 126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666405" y="1438707"/>
            <a:ext cx="1774021" cy="1440000"/>
          </a:xfrm>
          <a:prstGeom prst="rect">
            <a:avLst/>
          </a:prstGeom>
        </p:spPr>
      </p:pic>
      <p:cxnSp>
        <p:nvCxnSpPr>
          <p:cNvPr id="128" name="直接箭头连接符 127"/>
          <p:cNvCxnSpPr/>
          <p:nvPr/>
        </p:nvCxnSpPr>
        <p:spPr>
          <a:xfrm flipH="1" flipV="1">
            <a:off x="7944394" y="2260693"/>
            <a:ext cx="1246498" cy="1533044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131" name="文本框 130"/>
          <p:cNvSpPr txBox="1"/>
          <p:nvPr/>
        </p:nvSpPr>
        <p:spPr>
          <a:xfrm>
            <a:off x="6753696" y="2899579"/>
            <a:ext cx="1609287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zh-CN" sz="1200" dirty="0"/>
              <a:t>Compressed Air Inlet</a:t>
            </a:r>
            <a:endParaRPr lang="zh-CN" altLang="en-US" sz="1200" dirty="0"/>
          </a:p>
        </p:txBody>
      </p:sp>
      <p:cxnSp>
        <p:nvCxnSpPr>
          <p:cNvPr id="132" name="直接箭头连接符 131"/>
          <p:cNvCxnSpPr>
            <a:endCxn id="134" idx="3"/>
          </p:cNvCxnSpPr>
          <p:nvPr/>
        </p:nvCxnSpPr>
        <p:spPr>
          <a:xfrm flipH="1">
            <a:off x="8583933" y="4014656"/>
            <a:ext cx="641620" cy="431110"/>
          </a:xfrm>
          <a:prstGeom prst="straightConnector1">
            <a:avLst/>
          </a:prstGeom>
          <a:ln>
            <a:solidFill>
              <a:srgbClr val="FF0000"/>
            </a:solidFill>
            <a:tailEnd type="triangle"/>
          </a:ln>
        </p:spPr>
        <p:style>
          <a:lnRef idx="3">
            <a:schemeClr val="accent1"/>
          </a:lnRef>
          <a:fillRef idx="0">
            <a:schemeClr val="accent1"/>
          </a:fillRef>
          <a:effectRef idx="2">
            <a:schemeClr val="accent1"/>
          </a:effectRef>
          <a:fontRef idx="minor">
            <a:schemeClr val="tx1"/>
          </a:fontRef>
        </p:style>
      </p:cxnSp>
      <p:sp>
        <p:nvSpPr>
          <p:cNvPr id="133" name="文本框 132"/>
          <p:cNvSpPr txBox="1"/>
          <p:nvPr/>
        </p:nvSpPr>
        <p:spPr>
          <a:xfrm>
            <a:off x="5330210" y="5046693"/>
            <a:ext cx="454804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altLang="zh-CN" sz="1200" dirty="0"/>
              <a:t>Main Power Cable</a:t>
            </a:r>
            <a:endParaRPr lang="en-US" altLang="zh-CN" sz="1200" dirty="0"/>
          </a:p>
          <a:p>
            <a:pPr algn="ctr"/>
            <a:r>
              <a:rPr lang="zh-CN" altLang="en-US" sz="1200" dirty="0"/>
              <a:t>（</a:t>
            </a:r>
            <a:r>
              <a:rPr lang="en-US" altLang="zh-CN" sz="1200" dirty="0"/>
              <a:t>  take the cable with10m</a:t>
            </a:r>
            <a:r>
              <a:rPr lang="zh-CN" altLang="en-US" sz="1200" dirty="0"/>
              <a:t> </a:t>
            </a:r>
            <a:r>
              <a:rPr lang="en-US" altLang="zh-CN" sz="1200" dirty="0"/>
              <a:t>length out from the neath of printer</a:t>
            </a:r>
            <a:r>
              <a:rPr lang="zh-CN" altLang="en-US" sz="1200" dirty="0"/>
              <a:t>）</a:t>
            </a:r>
            <a:endParaRPr lang="zh-CN" altLang="en-US" sz="1200" dirty="0"/>
          </a:p>
        </p:txBody>
      </p:sp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标题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CN" sz="2000" dirty="0">
                <a:solidFill>
                  <a:schemeClr val="tx1"/>
                </a:solidFill>
              </a:rPr>
              <a:t>Workstation</a:t>
            </a:r>
            <a:r>
              <a:rPr lang="en-US" altLang="zh-CN" sz="2000" dirty="0"/>
              <a:t> </a:t>
            </a:r>
            <a:r>
              <a:rPr lang="en-US" altLang="zh-CN" sz="2000" dirty="0">
                <a:solidFill>
                  <a:schemeClr val="tx1"/>
                </a:solidFill>
              </a:rPr>
              <a:t>requirements</a:t>
            </a:r>
            <a:endParaRPr lang="en-US" sz="2000" dirty="0">
              <a:solidFill>
                <a:schemeClr val="tx1"/>
              </a:solidFill>
            </a:endParaRPr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4294967295"/>
          </p:nvPr>
        </p:nvSpPr>
        <p:spPr>
          <a:xfrm>
            <a:off x="0" y="6356350"/>
            <a:ext cx="4114800" cy="365125"/>
          </a:xfrm>
        </p:spPr>
        <p:txBody>
          <a:bodyPr/>
          <a:lstStyle/>
          <a:p>
            <a:r>
              <a:rPr lang="en-US"/>
              <a:t>www.intamsys.com</a:t>
            </a:r>
            <a:endParaRPr lang="en-US" dirty="0"/>
          </a:p>
        </p:txBody>
      </p:sp>
      <p:graphicFrame>
        <p:nvGraphicFramePr>
          <p:cNvPr id="10" name="内容占位符 3"/>
          <p:cNvGraphicFramePr/>
          <p:nvPr/>
        </p:nvGraphicFramePr>
        <p:xfrm>
          <a:off x="838200" y="2168525"/>
          <a:ext cx="10515600" cy="2865120"/>
        </p:xfrm>
        <a:graphic>
          <a:graphicData uri="http://schemas.openxmlformats.org/drawingml/2006/table">
            <a:tbl>
              <a:tblPr firstRow="1" bandRow="1">
                <a:tableStyleId>{69CF1AB2-1976-4502-BF36-3FF5EA218861}</a:tableStyleId>
              </a:tblPr>
              <a:tblGrid>
                <a:gridCol w="3267808"/>
                <a:gridCol w="7247792"/>
              </a:tblGrid>
              <a:tr h="370840">
                <a:tc>
                  <a:txBody>
                    <a:bodyPr/>
                    <a:lstStyle/>
                    <a:p>
                      <a:r>
                        <a:rPr lang="en-US" altLang="zh-CN" b="0" dirty="0"/>
                        <a:t>Computer Type</a:t>
                      </a:r>
                      <a:endParaRPr lang="zh-CN" altLang="en-US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b="0" dirty="0"/>
                        <a:t>Standard desktop PC</a:t>
                      </a:r>
                      <a:endParaRPr lang="zh-CN" altLang="en-US" b="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b="0" dirty="0"/>
                        <a:t>Operating system</a:t>
                      </a:r>
                      <a:endParaRPr lang="zh-CN" altLang="en-US" b="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b="0" dirty="0"/>
                        <a:t>Window 7 or later, 64-bit </a:t>
                      </a:r>
                      <a:endParaRPr lang="zh-CN" altLang="en-US" b="0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dirty="0"/>
                        <a:t>CPU</a:t>
                      </a:r>
                      <a:endParaRPr lang="zh-CN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ntel Core 2 or AMD Athlon 64 processor; 2GHz or faster processor</a:t>
                      </a:r>
                      <a:endParaRPr lang="zh-CN" altLang="zh-CN" sz="18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dirty="0"/>
                        <a:t>RAM</a:t>
                      </a:r>
                      <a:endParaRPr lang="zh-CN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CN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4GB for 64-bit operating system</a:t>
                      </a:r>
                      <a:endParaRPr lang="zh-CN" alt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dirty="0"/>
                        <a:t>Hard disk</a:t>
                      </a:r>
                      <a:endParaRPr lang="zh-CN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2GB or more of available hard-disk space</a:t>
                      </a:r>
                      <a:endParaRPr lang="zh-CN" altLang="zh-CN" sz="18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dirty="0"/>
                        <a:t>Monitor graphics resolution</a:t>
                      </a:r>
                      <a:endParaRPr lang="zh-CN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1280×800 display with 32-bit color and 512 MB or more of dedicated VRAM</a:t>
                      </a:r>
                      <a:endParaRPr lang="zh-CN" altLang="zh-CN" sz="18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CN" dirty="0"/>
                        <a:t>Video card</a:t>
                      </a:r>
                      <a:endParaRPr lang="zh-CN" alt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defRPr/>
                      </a:pPr>
                      <a:r>
                        <a:rPr lang="en-US" altLang="zh-CN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OpenGL 2.0 or newer capable graphics card</a:t>
                      </a:r>
                      <a:endParaRPr lang="zh-CN" altLang="zh-CN" sz="18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altLang="zh-CN" sz="2000" dirty="0"/>
              <a:t>Accessories </a:t>
            </a:r>
            <a:endParaRPr lang="en-US" sz="2000" dirty="0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www.intamsys.com</a:t>
            </a:r>
            <a:endParaRPr lang="en-US" dirty="0"/>
          </a:p>
        </p:txBody>
      </p:sp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969841" y="1747715"/>
            <a:ext cx="9061926" cy="3362569"/>
          </a:xfrm>
        </p:spPr>
        <p:txBody>
          <a:bodyPr>
            <a:normAutofit lnSpcReduction="10000"/>
          </a:bodyPr>
          <a:lstStyle/>
          <a:p>
            <a:r>
              <a:rPr lang="en-US" altLang="zh-CN" sz="1800" dirty="0">
                <a:latin typeface="+mj-lt"/>
              </a:rPr>
              <a:t>Cooling Liquid (more than 1800ml, car coolant is </a:t>
            </a:r>
            <a:r>
              <a:rPr lang="en-US" altLang="zh-CN" sz="1800" dirty="0" err="1">
                <a:latin typeface="+mj-lt"/>
              </a:rPr>
              <a:t>recommanded</a:t>
            </a:r>
            <a:r>
              <a:rPr lang="en-US" altLang="zh-CN" sz="1800" dirty="0">
                <a:latin typeface="+mj-lt"/>
              </a:rPr>
              <a:t>)</a:t>
            </a:r>
            <a:endParaRPr lang="en-US" altLang="zh-CN" sz="1800" dirty="0">
              <a:latin typeface="+mj-lt"/>
            </a:endParaRPr>
          </a:p>
          <a:p>
            <a:r>
              <a:rPr lang="en-US" altLang="zh-CN" sz="1800" dirty="0">
                <a:latin typeface="+mj-lt"/>
              </a:rPr>
              <a:t>Recommended Accessories (depending on processed Materials):</a:t>
            </a:r>
            <a:endParaRPr lang="en-US" altLang="zh-CN" sz="18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Air compressor and compressed air dryer</a:t>
            </a:r>
            <a:endParaRPr lang="en-US" altLang="zh-CN" sz="16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Programmable oven </a:t>
            </a:r>
            <a:r>
              <a:rPr lang="de-DE" altLang="zh-CN" sz="1600" dirty="0">
                <a:latin typeface="+mj-lt"/>
              </a:rPr>
              <a:t>(</a:t>
            </a:r>
            <a:r>
              <a:rPr lang="en-US" altLang="zh-CN" sz="1600" dirty="0">
                <a:latin typeface="+mj-lt"/>
              </a:rPr>
              <a:t>min. 150°C</a:t>
            </a:r>
            <a:r>
              <a:rPr lang="de-DE" altLang="zh-CN" sz="1600" dirty="0">
                <a:latin typeface="+mj-lt"/>
              </a:rPr>
              <a:t>)</a:t>
            </a:r>
            <a:endParaRPr lang="de-DE" altLang="zh-CN" sz="16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Hand &amp; Eye wash basin </a:t>
            </a:r>
            <a:endParaRPr lang="en-US" altLang="zh-CN" sz="16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Tools for remove support filament (Pliers, Knife, Brushes,..)</a:t>
            </a:r>
            <a:endParaRPr lang="en-US" altLang="zh-CN" sz="16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Ultrasonic cleaner with heating function for removing soluble support material </a:t>
            </a:r>
            <a:endParaRPr lang="en-US" altLang="zh-CN" sz="16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Sealed glass container for removing support material with Limonene</a:t>
            </a:r>
            <a:endParaRPr lang="en-US" altLang="zh-CN" sz="16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Sealed glass container for softening support material with Ethyl acetate</a:t>
            </a:r>
            <a:endParaRPr lang="en-US" altLang="zh-CN" sz="16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Gloves </a:t>
            </a:r>
            <a:endParaRPr lang="en-US" altLang="zh-CN" sz="16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Masks</a:t>
            </a:r>
            <a:endParaRPr lang="en-US" altLang="zh-CN" sz="1600" dirty="0">
              <a:latin typeface="+mj-lt"/>
            </a:endParaRPr>
          </a:p>
          <a:p>
            <a:pPr lvl="1"/>
            <a:r>
              <a:rPr lang="en-US" altLang="zh-CN" sz="1600" dirty="0">
                <a:latin typeface="+mj-lt"/>
              </a:rPr>
              <a:t>Safety Glasses</a:t>
            </a:r>
            <a:endParaRPr lang="en-US" altLang="zh-CN" sz="1600" dirty="0">
              <a:latin typeface="+mj-lt"/>
            </a:endParaRPr>
          </a:p>
        </p:txBody>
      </p:sp>
    </p:spTree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标题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e-DE" altLang="zh-CN" sz="2000" dirty="0"/>
              <a:t>Consumables and Maintenance Parts</a:t>
            </a:r>
            <a:endParaRPr lang="en-US" sz="2000" dirty="0"/>
          </a:p>
        </p:txBody>
      </p:sp>
      <p:sp>
        <p:nvSpPr>
          <p:cNvPr id="4" name="页脚占位符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/>
              <a:t>www.intamsys.com</a:t>
            </a:r>
            <a:endParaRPr lang="en-US" dirty="0"/>
          </a:p>
        </p:txBody>
      </p:sp>
      <p:sp>
        <p:nvSpPr>
          <p:cNvPr id="9" name="Inhaltsplatzhalter 3"/>
          <p:cNvSpPr txBox="1"/>
          <p:nvPr/>
        </p:nvSpPr>
        <p:spPr>
          <a:xfrm>
            <a:off x="6350784" y="1546167"/>
            <a:ext cx="5231824" cy="4555375"/>
          </a:xfrm>
          <a:prstGeom prst="rect">
            <a:avLst/>
          </a:prstGeom>
        </p:spPr>
        <p:txBody>
          <a:bodyPr/>
          <a:lstStyle>
            <a:lvl1pPr marL="175895" indent="-166370" algn="l" defTabSz="913765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1pPr>
            <a:lvl2pPr marL="544195" indent="-190500" algn="l" defTabSz="913765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2pPr>
            <a:lvl3pPr marL="888365" indent="-172720" algn="l" defTabSz="892810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3pPr>
            <a:lvl4pPr marL="1256665" indent="-175895" algn="l" defTabSz="913765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–"/>
              <a:defRPr sz="12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4pPr>
            <a:lvl5pPr marL="2056130" indent="-228600" algn="l" defTabSz="913765" rtl="0" eaLnBrk="1" latinLnBrk="0" hangingPunct="1">
              <a:spcBef>
                <a:spcPct val="20000"/>
              </a:spcBef>
              <a:buClr>
                <a:schemeClr val="accent3"/>
              </a:buClr>
              <a:buFont typeface="Arial" panose="020B0604020202020204" pitchFamily="34" charset="0"/>
              <a:buChar char="»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2695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69895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6460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3025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50000"/>
              </a:lnSpc>
              <a:buFont typeface="Arial" panose="020B0604020202020204" pitchFamily="34" charset="0"/>
              <a:buNone/>
              <a:defRPr/>
            </a:pPr>
            <a:r>
              <a:rPr lang="en-US" altLang="zh-CN" sz="1800" dirty="0"/>
              <a:t>Maintenance and wear parts </a:t>
            </a:r>
            <a:endParaRPr lang="en-US" altLang="zh-CN" sz="1800" dirty="0"/>
          </a:p>
          <a:p>
            <a:pPr marL="285750" indent="-285750">
              <a:defRPr/>
            </a:pPr>
            <a:r>
              <a:rPr lang="en-IN" altLang="zh-CN" sz="1600" dirty="0">
                <a:sym typeface="+mn-ea"/>
              </a:rPr>
              <a:t>Grease (high temp, PFPE)</a:t>
            </a:r>
            <a:endParaRPr lang="de-DE" altLang="zh-CN" sz="1600" dirty="0">
              <a:sym typeface="+mn-ea"/>
            </a:endParaRPr>
          </a:p>
          <a:p>
            <a:pPr marL="285750" indent="-285750">
              <a:defRPr/>
            </a:pPr>
            <a:r>
              <a:rPr lang="en-IN" altLang="zh-CN" sz="1600" dirty="0">
                <a:sym typeface="+mn-ea"/>
              </a:rPr>
              <a:t>Filament Tube</a:t>
            </a:r>
            <a:endParaRPr lang="en-IN" altLang="zh-CN" sz="1600" dirty="0">
              <a:sym typeface="+mn-ea"/>
            </a:endParaRPr>
          </a:p>
          <a:p>
            <a:pPr marL="285750" indent="-285750">
              <a:defRPr/>
            </a:pPr>
            <a:r>
              <a:rPr lang="en-US" altLang="zh-CN" sz="1600" dirty="0">
                <a:sym typeface="+mn-ea"/>
              </a:rPr>
              <a:t>Cooling Liquid Pipe</a:t>
            </a:r>
            <a:endParaRPr lang="en-US" altLang="zh-CN" sz="1600" dirty="0">
              <a:sym typeface="+mn-ea"/>
            </a:endParaRPr>
          </a:p>
          <a:p>
            <a:pPr marL="285750" indent="-285750">
              <a:defRPr/>
            </a:pPr>
            <a:r>
              <a:rPr lang="en-US" altLang="zh-CN" sz="1600" dirty="0">
                <a:sym typeface="+mn-ea"/>
              </a:rPr>
              <a:t>Chamber Lamp</a:t>
            </a:r>
            <a:endParaRPr lang="en-US" altLang="zh-CN" sz="1600" dirty="0">
              <a:sym typeface="+mn-ea"/>
            </a:endParaRPr>
          </a:p>
          <a:p>
            <a:pPr marL="285750" indent="-285750">
              <a:defRPr/>
            </a:pPr>
            <a:r>
              <a:rPr lang="en-US" altLang="zh-CN" sz="1600" dirty="0"/>
              <a:t>Chamber Air Filter</a:t>
            </a:r>
            <a:endParaRPr lang="en-US" altLang="zh-CN" sz="1600" dirty="0"/>
          </a:p>
          <a:p>
            <a:pPr marL="285750" indent="-285750">
              <a:defRPr/>
            </a:pPr>
            <a:r>
              <a:rPr lang="en-US" altLang="zh-CN" sz="1600" dirty="0"/>
              <a:t>Chamber Heating Tube</a:t>
            </a:r>
            <a:endParaRPr lang="en-US" altLang="zh-CN" sz="1600" dirty="0"/>
          </a:p>
          <a:p>
            <a:pPr marL="285750" indent="-285750">
              <a:defRPr/>
            </a:pPr>
            <a:r>
              <a:rPr lang="en-US" altLang="zh-CN" sz="1600" dirty="0"/>
              <a:t>Collecting Tube Assembly   </a:t>
            </a:r>
            <a:endParaRPr lang="en-US" altLang="zh-CN" sz="1600" dirty="0"/>
          </a:p>
          <a:p>
            <a:pPr marL="285750" indent="-285750">
              <a:defRPr/>
            </a:pPr>
            <a:r>
              <a:rPr lang="en-US" altLang="zh-CN" sz="1600" dirty="0"/>
              <a:t>Other Small Parts</a:t>
            </a:r>
            <a:endParaRPr lang="de-DE" altLang="zh-CN" sz="1600" dirty="0"/>
          </a:p>
          <a:p>
            <a:pPr marL="0" indent="0">
              <a:buFont typeface="Arial" panose="020B0604020202020204" pitchFamily="34" charset="0"/>
              <a:buNone/>
              <a:defRPr/>
            </a:pPr>
            <a:endParaRPr lang="en-US" altLang="zh-CN" sz="1600" dirty="0"/>
          </a:p>
        </p:txBody>
      </p:sp>
      <p:sp>
        <p:nvSpPr>
          <p:cNvPr id="10" name="Inhaltsplatzhalter 3"/>
          <p:cNvSpPr txBox="1"/>
          <p:nvPr/>
        </p:nvSpPr>
        <p:spPr>
          <a:xfrm>
            <a:off x="1118960" y="1604890"/>
            <a:ext cx="5231824" cy="4555375"/>
          </a:xfrm>
          <a:prstGeom prst="rect">
            <a:avLst/>
          </a:prstGeom>
        </p:spPr>
        <p:txBody>
          <a:bodyPr/>
          <a:lstStyle>
            <a:lvl1pPr marL="175895" indent="-166370" algn="l" defTabSz="913765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1pPr>
            <a:lvl2pPr marL="544195" indent="-190500" algn="l" defTabSz="913765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–"/>
              <a:defRPr sz="16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2pPr>
            <a:lvl3pPr marL="888365" indent="-172720" algn="l" defTabSz="892810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3pPr>
            <a:lvl4pPr marL="1256665" indent="-175895" algn="l" defTabSz="913765" rtl="0" eaLnBrk="1" latinLnBrk="0" hangingPunct="1">
              <a:spcBef>
                <a:spcPct val="20000"/>
              </a:spcBef>
              <a:buClr>
                <a:schemeClr val="accent1"/>
              </a:buClr>
              <a:buFont typeface="Arial" panose="020B0604020202020204" pitchFamily="34" charset="0"/>
              <a:buChar char="–"/>
              <a:defRPr sz="1200" kern="1200">
                <a:solidFill>
                  <a:schemeClr val="tx1"/>
                </a:solidFill>
                <a:latin typeface="+mn-lt"/>
                <a:ea typeface="Open Sans" charset="0"/>
                <a:cs typeface="Open Sans" charset="0"/>
              </a:defRPr>
            </a:lvl4pPr>
            <a:lvl5pPr marL="2056130" indent="-228600" algn="l" defTabSz="913765" rtl="0" eaLnBrk="1" latinLnBrk="0" hangingPunct="1">
              <a:spcBef>
                <a:spcPct val="20000"/>
              </a:spcBef>
              <a:buClr>
                <a:schemeClr val="accent3"/>
              </a:buClr>
              <a:buFont typeface="Arial" panose="020B0604020202020204" pitchFamily="34" charset="0"/>
              <a:buChar char="»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2695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69895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6460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3025" indent="-228600" algn="l" defTabSz="913765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50000"/>
              </a:lnSpc>
              <a:buNone/>
              <a:defRPr/>
            </a:pPr>
            <a:r>
              <a:rPr lang="en-US" altLang="zh-CN" sz="1800" dirty="0">
                <a:latin typeface="+mn-lt"/>
              </a:rPr>
              <a:t>Consumables</a:t>
            </a:r>
            <a:endParaRPr lang="en-US" altLang="zh-CN" sz="1800" dirty="0">
              <a:latin typeface="+mn-lt"/>
            </a:endParaRPr>
          </a:p>
          <a:p>
            <a:pPr marL="285750" indent="-285750">
              <a:defRPr/>
            </a:pPr>
            <a:r>
              <a:rPr lang="en-US" altLang="zh-CN" sz="1600" dirty="0">
                <a:latin typeface="+mn-lt"/>
              </a:rPr>
              <a:t>Nozzle</a:t>
            </a:r>
            <a:endParaRPr lang="de-DE" altLang="zh-CN" sz="1600" dirty="0"/>
          </a:p>
          <a:p>
            <a:pPr marL="285750" indent="-285750">
              <a:defRPr/>
            </a:pPr>
            <a:r>
              <a:rPr lang="en-US" altLang="zh-CN" sz="1600" dirty="0">
                <a:latin typeface="+mn-lt"/>
              </a:rPr>
              <a:t>Nozzle Heater Assemble</a:t>
            </a:r>
            <a:endParaRPr lang="en-US" altLang="zh-CN" sz="1600" dirty="0">
              <a:latin typeface="+mn-lt"/>
            </a:endParaRPr>
          </a:p>
          <a:p>
            <a:pPr marL="285750" indent="-285750">
              <a:defRPr/>
            </a:pPr>
            <a:r>
              <a:rPr lang="en-US" altLang="zh-CN" sz="1600" dirty="0">
                <a:latin typeface="+mn-lt"/>
              </a:rPr>
              <a:t>Nozzle Cleaning Brush</a:t>
            </a:r>
            <a:endParaRPr lang="en-US" altLang="zh-CN" sz="1600" dirty="0">
              <a:latin typeface="+mn-lt"/>
            </a:endParaRPr>
          </a:p>
          <a:p>
            <a:pPr marL="285750" indent="-285750">
              <a:defRPr/>
            </a:pPr>
            <a:r>
              <a:rPr lang="en-US" altLang="zh-CN" sz="1600" dirty="0" err="1">
                <a:latin typeface="+mn-lt"/>
              </a:rPr>
              <a:t>Buildplate’</a:t>
            </a:r>
            <a:r>
              <a:rPr lang="en-US" altLang="zh-CN" sz="1600" dirty="0" err="1"/>
              <a:t>s</a:t>
            </a:r>
            <a:endParaRPr lang="en-US" altLang="zh-CN" sz="1600" dirty="0"/>
          </a:p>
          <a:p>
            <a:pPr marL="654050" lvl="1" indent="-285750">
              <a:defRPr/>
            </a:pPr>
            <a:r>
              <a:rPr lang="en-US" altLang="zh-CN" sz="1400" dirty="0">
                <a:latin typeface="+mj-lt"/>
              </a:rPr>
              <a:t>PC Plate</a:t>
            </a:r>
            <a:endParaRPr lang="en-US" altLang="zh-CN" sz="1400" dirty="0">
              <a:latin typeface="+mj-lt"/>
            </a:endParaRPr>
          </a:p>
          <a:p>
            <a:pPr marL="654050" lvl="1" indent="-285750">
              <a:defRPr/>
            </a:pPr>
            <a:r>
              <a:rPr lang="en-US" altLang="zh-CN" sz="1400" dirty="0">
                <a:latin typeface="+mj-lt"/>
              </a:rPr>
              <a:t>PEI Painted Steel Plate</a:t>
            </a:r>
            <a:endParaRPr lang="en-US" altLang="zh-CN" sz="1400" dirty="0">
              <a:latin typeface="+mj-lt"/>
            </a:endParaRPr>
          </a:p>
          <a:p>
            <a:pPr marL="654050" lvl="1" indent="-285750">
              <a:defRPr/>
            </a:pPr>
            <a:r>
              <a:rPr lang="en-US" altLang="zh-CN" sz="1400" dirty="0">
                <a:latin typeface="+mj-lt"/>
              </a:rPr>
              <a:t>Stainless Steel Plate</a:t>
            </a:r>
            <a:endParaRPr lang="en-US" altLang="zh-CN" sz="1400" dirty="0">
              <a:latin typeface="+mj-lt"/>
            </a:endParaRPr>
          </a:p>
          <a:p>
            <a:pPr marL="285750" indent="-285750">
              <a:defRPr/>
            </a:pPr>
            <a:r>
              <a:rPr lang="en-GB" altLang="zh-CN" sz="1600" dirty="0" err="1">
                <a:latin typeface="+mn-lt"/>
              </a:rPr>
              <a:t>Buildplate</a:t>
            </a:r>
            <a:r>
              <a:rPr lang="en-US" altLang="zh-CN" sz="1600" dirty="0">
                <a:latin typeface="+mn-lt"/>
              </a:rPr>
              <a:t> Glue</a:t>
            </a:r>
            <a:endParaRPr lang="de-DE" altLang="zh-CN" sz="1600" dirty="0"/>
          </a:p>
          <a:p>
            <a:pPr marL="285750" indent="-285750">
              <a:defRPr/>
            </a:pPr>
            <a:r>
              <a:rPr lang="en-US" altLang="zh-CN" sz="1600" dirty="0">
                <a:latin typeface="+mn-lt"/>
              </a:rPr>
              <a:t>Chamber Air Filter</a:t>
            </a:r>
            <a:endParaRPr lang="en-US" altLang="zh-CN" sz="1600" dirty="0">
              <a:latin typeface="+mn-lt"/>
            </a:endParaRPr>
          </a:p>
          <a:p>
            <a:pPr marL="0" indent="0">
              <a:buFont typeface="Arial" panose="020B0604020202020204" pitchFamily="34" charset="0"/>
              <a:buNone/>
              <a:defRPr/>
            </a:pPr>
            <a:endParaRPr lang="en-US" altLang="zh-CN" sz="1600" dirty="0"/>
          </a:p>
        </p:txBody>
      </p:sp>
    </p:spTree>
  </p:cSld>
  <p:clrMapOvr>
    <a:masterClrMapping/>
  </p:clrMapOvr>
</p:sld>
</file>

<file path=ppt/tags/tag1.xml><?xml version="1.0" encoding="utf-8"?>
<p:tagLst xmlns:p="http://schemas.openxmlformats.org/presentationml/2006/main">
  <p:tag name="TEMPLAFYSLIDEID" val="636440095348688026"/>
</p:tagLst>
</file>

<file path=ppt/tags/tag2.xml><?xml version="1.0" encoding="utf-8"?>
<p:tagLst xmlns:p="http://schemas.openxmlformats.org/presentationml/2006/main">
  <p:tag name="ISLIDE.DIAGRAM" val="#293147;"/>
</p:tagLst>
</file>

<file path=ppt/tags/tag3.xml><?xml version="1.0" encoding="utf-8"?>
<p:tagLst xmlns:p="http://schemas.openxmlformats.org/presentationml/2006/main">
  <p:tag name="TEMPLAFYSLIDEID" val="636440095349937984"/>
</p:tagLst>
</file>

<file path=ppt/tags/tag4.xml><?xml version="1.0" encoding="utf-8"?>
<p:tagLst xmlns:p="http://schemas.openxmlformats.org/presentationml/2006/main">
  <p:tag name="COMMONDATA" val="eyJoZGlkIjoiZjcxNjY0MDdjNzVhYjU5MWY3ZTMyN2I0ODE4MDY4MjkifQ=="/>
</p:tagLst>
</file>

<file path=ppt/theme/theme1.xml><?xml version="1.0" encoding="utf-8"?>
<a:theme xmlns:a="http://schemas.openxmlformats.org/drawingml/2006/main" name="1_Össur Main Slide">
  <a:themeElements>
    <a:clrScheme name="Össur Color Theme">
      <a:dk1>
        <a:srgbClr val="404040"/>
      </a:dk1>
      <a:lt1>
        <a:sysClr val="window" lastClr="FFFFFF"/>
      </a:lt1>
      <a:dk2>
        <a:srgbClr val="808080"/>
      </a:dk2>
      <a:lt2>
        <a:srgbClr val="F2F2F2"/>
      </a:lt2>
      <a:accent1>
        <a:srgbClr val="0082C4"/>
      </a:accent1>
      <a:accent2>
        <a:srgbClr val="404040"/>
      </a:accent2>
      <a:accent3>
        <a:srgbClr val="FFC758"/>
      </a:accent3>
      <a:accent4>
        <a:srgbClr val="73B0DC"/>
      </a:accent4>
      <a:accent5>
        <a:srgbClr val="808080"/>
      </a:accent5>
      <a:accent6>
        <a:srgbClr val="FFE8BC"/>
      </a:accent6>
      <a:hlink>
        <a:srgbClr val="0082C4"/>
      </a:hlink>
      <a:folHlink>
        <a:srgbClr val="0082C4"/>
      </a:folHlink>
    </a:clrScheme>
    <a:fontScheme name="Arial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TM Softwar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2820</Words>
  <Application>WPS 演示</Application>
  <PresentationFormat>宽屏</PresentationFormat>
  <Paragraphs>247</Paragraphs>
  <Slides>10</Slides>
  <Notes>0</Notes>
  <HiddenSlides>0</HiddenSlides>
  <MMClips>0</MMClips>
  <ScaleCrop>false</ScaleCrop>
  <HeadingPairs>
    <vt:vector size="6" baseType="variant">
      <vt:variant>
        <vt:lpstr>已用的字体</vt:lpstr>
      </vt:variant>
      <vt:variant>
        <vt:i4>13</vt:i4>
      </vt:variant>
      <vt:variant>
        <vt:lpstr>主题</vt:lpstr>
      </vt:variant>
      <vt:variant>
        <vt:i4>1</vt:i4>
      </vt:variant>
      <vt:variant>
        <vt:lpstr>幻灯片标题</vt:lpstr>
      </vt:variant>
      <vt:variant>
        <vt:i4>10</vt:i4>
      </vt:variant>
    </vt:vector>
  </HeadingPairs>
  <TitlesOfParts>
    <vt:vector size="24" baseType="lpstr">
      <vt:lpstr>Arial</vt:lpstr>
      <vt:lpstr>宋体</vt:lpstr>
      <vt:lpstr>Wingdings</vt:lpstr>
      <vt:lpstr>Open Sans</vt:lpstr>
      <vt:lpstr>仿宋</vt:lpstr>
      <vt:lpstr>Lucida Grande</vt:lpstr>
      <vt:lpstr>Times New Roman</vt:lpstr>
      <vt:lpstr>等线</vt:lpstr>
      <vt:lpstr>等线 Light</vt:lpstr>
      <vt:lpstr>微软雅黑</vt:lpstr>
      <vt:lpstr>Arial Unicode MS</vt:lpstr>
      <vt:lpstr>Calibri</vt:lpstr>
      <vt:lpstr>黑体</vt:lpstr>
      <vt:lpstr>1_Össur Main Slide</vt:lpstr>
      <vt:lpstr>PowerPoint 演示文稿</vt:lpstr>
      <vt:lpstr>PowerPoint 演示文稿</vt:lpstr>
      <vt:lpstr>Physical specification and space requirements</vt:lpstr>
      <vt:lpstr>Physical specification and space requirements</vt:lpstr>
      <vt:lpstr>Physical specification and space requirements</vt:lpstr>
      <vt:lpstr>Physical specification and space requirements</vt:lpstr>
      <vt:lpstr>Workstation requirements</vt:lpstr>
      <vt:lpstr>Accessories </vt:lpstr>
      <vt:lpstr>Consumables and Maintenance Parts</vt:lpstr>
      <vt:lpstr>PowerPoint 演示文稿</vt:lpstr>
    </vt:vector>
  </TitlesOfParts>
  <Company>INTAMSYS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NTAMSYS Corporate Template 2020</dc:title>
  <dc:creator>INTAMSYS</dc:creator>
  <cp:lastModifiedBy>Orion</cp:lastModifiedBy>
  <cp:revision>46</cp:revision>
  <dcterms:created xsi:type="dcterms:W3CDTF">2018-02-16T09:48:00Z</dcterms:created>
  <dcterms:modified xsi:type="dcterms:W3CDTF">2022-06-15T06:14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dlc_DocIdItemGuid">
    <vt:lpwstr>7dd98c52-a356-4ea8-a2ce-beb2e4fc6862</vt:lpwstr>
  </property>
  <property fmtid="{D5CDD505-2E9C-101B-9397-08002B2CF9AE}" pid="3" name="ContentTypeId">
    <vt:lpwstr>0x0101000B63D1847F06D6419C35958DA80F11D7</vt:lpwstr>
  </property>
  <property fmtid="{D5CDD505-2E9C-101B-9397-08002B2CF9AE}" pid="4" name="IsMyDocuments">
    <vt:bool>true</vt:bool>
  </property>
  <property fmtid="{D5CDD505-2E9C-101B-9397-08002B2CF9AE}" pid="5" name="TemplafyTimeStamp">
    <vt:lpwstr>2017-10-19T11:31:57.6213972</vt:lpwstr>
  </property>
  <property fmtid="{D5CDD505-2E9C-101B-9397-08002B2CF9AE}" pid="6" name="ICV">
    <vt:lpwstr>9E51091E66E04A13929001FB691F5E90</vt:lpwstr>
  </property>
  <property fmtid="{D5CDD505-2E9C-101B-9397-08002B2CF9AE}" pid="7" name="KSOProductBuildVer">
    <vt:lpwstr>2052-11.1.0.11744</vt:lpwstr>
  </property>
</Properties>
</file>